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filterPrivacy="1" defaultThemeVersion="164011"/>
  <bookViews>
    <workbookView xWindow="0" yWindow="0" windowWidth="20490" windowHeight="7155"/>
  </bookViews>
  <sheets>
    <sheet name="様式５ " sheetId="1" r:id="rId1"/>
  </sheets>
  <externalReferences>
    <externalReference r:id="rId2"/>
    <externalReference r:id="rId3"/>
    <externalReference r:id="rId4"/>
    <externalReference r:id="rId5"/>
  </externalReferences>
  <definedNames>
    <definedName name="_a" hidden="1">'[1]#REF'!$B$9:$B$51</definedName>
    <definedName name="_Fill" hidden="1">[2]RAK01AD!$B$9:$B$51</definedName>
    <definedName name="_xlnm._FilterDatabase" localSheetId="0" hidden="1">'様式５ '!$A$6:$FN$28</definedName>
    <definedName name="_Order1" hidden="1">255</definedName>
    <definedName name="_Order2" hidden="1">255</definedName>
    <definedName name="①1" localSheetId="0">#REF!</definedName>
    <definedName name="①1">#REF!</definedName>
    <definedName name="①2" localSheetId="0">#REF!</definedName>
    <definedName name="①2">#REF!</definedName>
    <definedName name="②" localSheetId="0">#REF!</definedName>
    <definedName name="②">#REF!</definedName>
    <definedName name="②1" localSheetId="0">#REF!</definedName>
    <definedName name="②1">#REF!</definedName>
    <definedName name="②2" localSheetId="0">#REF!</definedName>
    <definedName name="②2">#REF!</definedName>
    <definedName name="③1" localSheetId="0">#REF!</definedName>
    <definedName name="③1">#REF!</definedName>
    <definedName name="③2" localSheetId="0">#REF!</definedName>
    <definedName name="③2">#REF!</definedName>
    <definedName name="④1" localSheetId="0">#REF!</definedName>
    <definedName name="④1">#REF!</definedName>
    <definedName name="④2" localSheetId="0">#REF!</definedName>
    <definedName name="④2">#REF!</definedName>
    <definedName name="⑥1" localSheetId="0">#REF!</definedName>
    <definedName name="⑥1">#REF!</definedName>
    <definedName name="a" localSheetId="0">#REF!</definedName>
    <definedName name="a">#REF!</definedName>
    <definedName name="b" localSheetId="0">#REF!</definedName>
    <definedName name="b">#REF!</definedName>
    <definedName name="d" localSheetId="0">#REF!</definedName>
    <definedName name="d">#REF!</definedName>
    <definedName name="D_SYOKUINExcel" localSheetId="0">#REF!</definedName>
    <definedName name="D_SYOKUINExcel">#REF!</definedName>
    <definedName name="dその他_教員">6000</definedName>
    <definedName name="dその他_職員">6800</definedName>
    <definedName name="_xlnm.Print_Area" localSheetId="0">'様式５ '!$A$1:$K$28</definedName>
    <definedName name="_xlnm.Print_Titles" localSheetId="0">'様式５ '!$4:$7</definedName>
    <definedName name="Z_01EAA192_030B_4B32_8504_E8B9ACF08987_.wvu.FilterData" localSheetId="0" hidden="1">'様式５ '!$A$6:$T$28</definedName>
    <definedName name="Z_03AE82A1_1BE2_4ECA_87A2_03B930490FC4_.wvu.FilterData" localSheetId="0" hidden="1">'様式５ '!$A$6:$FN$28</definedName>
    <definedName name="Z_04C8A1BA_9D22_46C9_9CEB_2BC0004FC685_.wvu.FilterData" localSheetId="0" hidden="1">'様式５ '!$B$6:$T$28</definedName>
    <definedName name="Z_04D09D8C_94A5_461B_8EBD_462A08259C45_.wvu.FilterData" localSheetId="0" hidden="1">'様式５ '!$A$6:$FN$28</definedName>
    <definedName name="Z_052F3F11_C124_459E_99F9_1A701D48C614_.wvu.Cols" localSheetId="0" hidden="1">'様式５ '!$Q:$R</definedName>
    <definedName name="Z_052F3F11_C124_459E_99F9_1A701D48C614_.wvu.FilterData" localSheetId="0" hidden="1">'様式５ '!$A$6:$FN$28</definedName>
    <definedName name="Z_052F3F11_C124_459E_99F9_1A701D48C614_.wvu.PrintArea" localSheetId="0" hidden="1">'様式５ '!$A$1:$K$30</definedName>
    <definedName name="Z_052F3F11_C124_459E_99F9_1A701D48C614_.wvu.PrintTitles" localSheetId="0" hidden="1">'様式５ '!$4:$7</definedName>
    <definedName name="Z_06B37801_B90C_4714_B129_94818EB4F65E_.wvu.Cols" localSheetId="0" hidden="1">'様式５ '!$L:$R</definedName>
    <definedName name="Z_06B37801_B90C_4714_B129_94818EB4F65E_.wvu.FilterData" localSheetId="0" hidden="1">'様式５ '!$A$6:$FN$28</definedName>
    <definedName name="Z_06B37801_B90C_4714_B129_94818EB4F65E_.wvu.PrintArea" localSheetId="0" hidden="1">'様式５ '!$A$1:$K$29</definedName>
    <definedName name="Z_06B37801_B90C_4714_B129_94818EB4F65E_.wvu.PrintTitles" localSheetId="0" hidden="1">'様式５ '!$4:$7</definedName>
    <definedName name="Z_0C68AD9F_EAAC_4D8C_8595_325E5145CCC9_.wvu.FilterData" localSheetId="0" hidden="1">'様式５ '!$B$6:$T$28</definedName>
    <definedName name="Z_0EC137BB_4649_439E_A306_A2900F1F636A_.wvu.FilterData" localSheetId="0" hidden="1">'様式５ '!$B$6:$T$28</definedName>
    <definedName name="Z_1199D24E_5AB2_4E7F_AA3B_409733D51AC4_.wvu.FilterData" localSheetId="0" hidden="1">'様式５ '!$A$6:$FN$28</definedName>
    <definedName name="Z_1E7D5732_EF56_415D_8F2A_A9A6136A4DC3_.wvu.FilterData" localSheetId="0" hidden="1">'様式５ '!$B$6:$T$28</definedName>
    <definedName name="Z_20E8B0EC_118D_49EF_9836_FFD168BFA307_.wvu.FilterData" localSheetId="0" hidden="1">'様式５ '!$A$6:$T$28</definedName>
    <definedName name="Z_22CA7278_0BB0_43BE_B164_268A2E7E7747_.wvu.Cols" localSheetId="0" hidden="1">'様式５ '!$Q:$R</definedName>
    <definedName name="Z_22CA7278_0BB0_43BE_B164_268A2E7E7747_.wvu.FilterData" localSheetId="0" hidden="1">'様式５ '!$A$6:$FN$28</definedName>
    <definedName name="Z_22CA7278_0BB0_43BE_B164_268A2E7E7747_.wvu.PrintArea" localSheetId="0" hidden="1">'様式５ '!$A$1:$K$30</definedName>
    <definedName name="Z_22CA7278_0BB0_43BE_B164_268A2E7E7747_.wvu.PrintTitles" localSheetId="0" hidden="1">'様式５ '!$4:$7</definedName>
    <definedName name="Z_23F43B3A_3258_499E_84AA_5934348FFA54_.wvu.FilterData" localSheetId="0" hidden="1">'様式５ '!$A$6:$FN$28</definedName>
    <definedName name="Z_24D4AB45_3A64_4C2A_93AD_95EA6B944657_.wvu.FilterData" localSheetId="0" hidden="1">'様式５ '!$B$6:$T$28</definedName>
    <definedName name="Z_27FE125A_CAC0_4187_BAC1_FA85A21F8068_.wvu.FilterData" localSheetId="0" hidden="1">'様式５ '!$A$6:$FN$28</definedName>
    <definedName name="Z_291BEBD1_3E67_44D7_B7E4_9799E8B2AEED_.wvu.FilterData" localSheetId="0" hidden="1">'様式５ '!$B$6:$T$28</definedName>
    <definedName name="Z_2C82E193_3E09_4CE3_80B4_E2A9361A46F4_.wvu.FilterData" localSheetId="0" hidden="1">'様式５ '!$B$6:$T$28</definedName>
    <definedName name="Z_366D8082_4247_4BD2_8EA9_CB5780D5FB7B_.wvu.Cols" localSheetId="0" hidden="1">'様式５ '!$Q:$R</definedName>
    <definedName name="Z_366D8082_4247_4BD2_8EA9_CB5780D5FB7B_.wvu.FilterData" localSheetId="0" hidden="1">'様式５ '!$A$6:$FN$28</definedName>
    <definedName name="Z_366D8082_4247_4BD2_8EA9_CB5780D5FB7B_.wvu.PrintArea" localSheetId="0" hidden="1">'様式５ '!$A$1:$K$30</definedName>
    <definedName name="Z_366D8082_4247_4BD2_8EA9_CB5780D5FB7B_.wvu.PrintTitles" localSheetId="0" hidden="1">'様式５ '!$4:$7</definedName>
    <definedName name="Z_374AF662_332C_4305_9FF2_82EBDABE1ECA_.wvu.FilterData" localSheetId="0" hidden="1">'様式５ '!$B$6:$T$28</definedName>
    <definedName name="Z_38677CFC_38FD_428F_B2E6_28D6556AF30E_.wvu.FilterData" localSheetId="0" hidden="1">'様式５ '!$A$6:$T$28</definedName>
    <definedName name="Z_3EED8F5F_471C_4B50_994D_BB7BEF016969_.wvu.FilterData" localSheetId="0" hidden="1">'様式５ '!$B$6:$T$28</definedName>
    <definedName name="Z_44110B35_593F_4B4A_A409_C3E96DF3A694_.wvu.Cols" localSheetId="0" hidden="1">'様式５ '!$Q:$R</definedName>
    <definedName name="Z_44110B35_593F_4B4A_A409_C3E96DF3A694_.wvu.FilterData" localSheetId="0" hidden="1">'様式５ '!$A$7:$FN$28</definedName>
    <definedName name="Z_44110B35_593F_4B4A_A409_C3E96DF3A694_.wvu.PrintArea" localSheetId="0" hidden="1">'様式５ '!$A$1:$K$30</definedName>
    <definedName name="Z_44110B35_593F_4B4A_A409_C3E96DF3A694_.wvu.PrintTitles" localSheetId="0" hidden="1">'様式５ '!$4:$7</definedName>
    <definedName name="Z_443FC1F6_4EB0_4043_84B4_EA880B09B87F_.wvu.FilterData" localSheetId="0" hidden="1">'様式５ '!$A$6:$T$28</definedName>
    <definedName name="Z_444B054F_1122_4B41_9106_F9A119111E6C_.wvu.Cols" localSheetId="0" hidden="1">'様式５ '!$Q:$R</definedName>
    <definedName name="Z_444B054F_1122_4B41_9106_F9A119111E6C_.wvu.FilterData" localSheetId="0" hidden="1">'様式５ '!$A$6:$FN$28</definedName>
    <definedName name="Z_444B054F_1122_4B41_9106_F9A119111E6C_.wvu.PrintArea" localSheetId="0" hidden="1">'様式５ '!$A$1:$K$30</definedName>
    <definedName name="Z_444B054F_1122_4B41_9106_F9A119111E6C_.wvu.PrintTitles" localSheetId="0" hidden="1">'様式５ '!$4:$7</definedName>
    <definedName name="Z_4697FA6B_DE17_44B8_B6B3_A9559B9E7087_.wvu.Cols" localSheetId="0" hidden="1">'様式５ '!$Q:$R</definedName>
    <definedName name="Z_4697FA6B_DE17_44B8_B6B3_A9559B9E7087_.wvu.FilterData" localSheetId="0" hidden="1">'様式５ '!$A$6:$FN$28</definedName>
    <definedName name="Z_4697FA6B_DE17_44B8_B6B3_A9559B9E7087_.wvu.PrintArea" localSheetId="0" hidden="1">'様式５ '!$A$1:$K$30</definedName>
    <definedName name="Z_4697FA6B_DE17_44B8_B6B3_A9559B9E7087_.wvu.PrintTitles" localSheetId="0" hidden="1">'様式５ '!$4:$7</definedName>
    <definedName name="Z_4FA438CA_84A7_4E4A_B647_D9C724313A30_.wvu.FilterData" localSheetId="0" hidden="1">'様式５ '!$A$6:$T$28</definedName>
    <definedName name="Z_50AC8F9C_2188_4C12_A141_8BE304C786F0_.wvu.Cols" localSheetId="0" hidden="1">'様式５ '!$Q:$R</definedName>
    <definedName name="Z_50AC8F9C_2188_4C12_A141_8BE304C786F0_.wvu.FilterData" localSheetId="0" hidden="1">'様式５ '!$A$6:$FN$28</definedName>
    <definedName name="Z_50AC8F9C_2188_4C12_A141_8BE304C786F0_.wvu.PrintArea" localSheetId="0" hidden="1">'様式５ '!$A$1:$K$29</definedName>
    <definedName name="Z_50AC8F9C_2188_4C12_A141_8BE304C786F0_.wvu.PrintTitles" localSheetId="0" hidden="1">'様式５ '!$4:$7</definedName>
    <definedName name="Z_5668B71E_8807_468B_9970_38F9A9F9382A_.wvu.FilterData" localSheetId="0" hidden="1">'様式５ '!$B$6:$T$28</definedName>
    <definedName name="Z_56C3E958_62F0_4D5E_80EF_1B0A7490DD11_.wvu.FilterData" localSheetId="0" hidden="1">'様式５ '!$A$6:$FN$28</definedName>
    <definedName name="Z_57745067_BF0B_4087_B5A6_8A5691A551DD_.wvu.FilterData" localSheetId="0" hidden="1">'様式５ '!$A$6:$T$28</definedName>
    <definedName name="Z_581BD237_B078_4701_B24C_0BFF302F5B2F_.wvu.Cols" localSheetId="0" hidden="1">'様式５ '!$Q:$R</definedName>
    <definedName name="Z_581BD237_B078_4701_B24C_0BFF302F5B2F_.wvu.FilterData" localSheetId="0" hidden="1">'様式５ '!$A$6:$FN$28</definedName>
    <definedName name="Z_581BD237_B078_4701_B24C_0BFF302F5B2F_.wvu.PrintArea" localSheetId="0" hidden="1">'様式５ '!$A$1:$K$30</definedName>
    <definedName name="Z_581BD237_B078_4701_B24C_0BFF302F5B2F_.wvu.PrintTitles" localSheetId="0" hidden="1">'様式５ '!$4:$7</definedName>
    <definedName name="Z_5F0F1A79_0791_4C2C_8D13_6CD22FD0499B_.wvu.Cols" localSheetId="0" hidden="1">'様式５ '!$Q:$R</definedName>
    <definedName name="Z_5F0F1A79_0791_4C2C_8D13_6CD22FD0499B_.wvu.FilterData" localSheetId="0" hidden="1">'様式５ '!$A$6:$T$28</definedName>
    <definedName name="Z_5F0F1A79_0791_4C2C_8D13_6CD22FD0499B_.wvu.PrintArea" localSheetId="0" hidden="1">'様式５ '!$A$1:$K$30</definedName>
    <definedName name="Z_5F0F1A79_0791_4C2C_8D13_6CD22FD0499B_.wvu.PrintTitles" localSheetId="0" hidden="1">'様式５ '!$4:$7</definedName>
    <definedName name="Z_5F6E0A5B_1F3F_4878_8986_ED55F9EE06F4_.wvu.Cols" localSheetId="0" hidden="1">'様式５ '!$Q:$R</definedName>
    <definedName name="Z_5F6E0A5B_1F3F_4878_8986_ED55F9EE06F4_.wvu.FilterData" localSheetId="0" hidden="1">'様式５ '!$A$6:$FN$28</definedName>
    <definedName name="Z_5F6E0A5B_1F3F_4878_8986_ED55F9EE06F4_.wvu.PrintArea" localSheetId="0" hidden="1">'様式５ '!$A$1:$K$30</definedName>
    <definedName name="Z_5F6E0A5B_1F3F_4878_8986_ED55F9EE06F4_.wvu.PrintTitles" localSheetId="0" hidden="1">'様式５ '!$4:$7</definedName>
    <definedName name="Z_640D24A1_F93A_49AE_989A_09EA35DB6178_.wvu.FilterData" localSheetId="0" hidden="1">'様式５ '!$A$7:$FN$28</definedName>
    <definedName name="Z_66224404_EA19_4356_92BE_A2F395931004_.wvu.FilterData" localSheetId="0" hidden="1">'様式５ '!$A$6:$T$28</definedName>
    <definedName name="Z_665488CF_8ABE_4275_9644_48E5F5043390_.wvu.FilterData" localSheetId="0" hidden="1">'様式５ '!$B$6:$T$28</definedName>
    <definedName name="Z_6989C8E8_DF8B_443A_A0DC_63D85A87347B_.wvu.Cols" localSheetId="0" hidden="1">'様式５ '!$Q:$R</definedName>
    <definedName name="Z_6989C8E8_DF8B_443A_A0DC_63D85A87347B_.wvu.FilterData" localSheetId="0" hidden="1">'様式５ '!$A$6:$FN$28</definedName>
    <definedName name="Z_6989C8E8_DF8B_443A_A0DC_63D85A87347B_.wvu.PrintArea" localSheetId="0" hidden="1">'様式５ '!$A$1:$K$30</definedName>
    <definedName name="Z_6989C8E8_DF8B_443A_A0DC_63D85A87347B_.wvu.PrintTitles" localSheetId="0" hidden="1">'様式５ '!$4:$7</definedName>
    <definedName name="Z_70837B7F_EB31_4D6D_B20E_5962F6B0E27E_.wvu.Cols" localSheetId="0" hidden="1">'様式５ '!$Q:$R</definedName>
    <definedName name="Z_70837B7F_EB31_4D6D_B20E_5962F6B0E27E_.wvu.FilterData" localSheetId="0" hidden="1">'様式５ '!$A$6:$FN$28</definedName>
    <definedName name="Z_70837B7F_EB31_4D6D_B20E_5962F6B0E27E_.wvu.PrintArea" localSheetId="0" hidden="1">'様式５ '!$A$1:$K$30</definedName>
    <definedName name="Z_70837B7F_EB31_4D6D_B20E_5962F6B0E27E_.wvu.PrintTitles" localSheetId="0" hidden="1">'様式５ '!$4:$7</definedName>
    <definedName name="Z_70924426_1D8A_405C_99DB_5F184299D133_.wvu.FilterData" localSheetId="0" hidden="1">'様式５ '!$A$6:$FN$28</definedName>
    <definedName name="Z_749145BA_5224_4309_8744_80063D3AC2A1_.wvu.FilterData" localSheetId="0" hidden="1">'様式５ '!$B$6:$T$28</definedName>
    <definedName name="Z_7A18676E_04A4_4AFB_8334_7BB0F24E5EE3_.wvu.FilterData" localSheetId="0" hidden="1">'様式５ '!$A$7:$FN$28</definedName>
    <definedName name="Z_7BAEEC97_8C0D_4727_9C2C_C181F26DD884_.wvu.Cols" localSheetId="0" hidden="1">'様式５ '!$Q:$R</definedName>
    <definedName name="Z_7BAEEC97_8C0D_4727_9C2C_C181F26DD884_.wvu.FilterData" localSheetId="0" hidden="1">'様式５ '!$A$6:$FN$28</definedName>
    <definedName name="Z_7BAEEC97_8C0D_4727_9C2C_C181F26DD884_.wvu.PrintArea" localSheetId="0" hidden="1">'様式５ '!$A$1:$K$29</definedName>
    <definedName name="Z_7BAEEC97_8C0D_4727_9C2C_C181F26DD884_.wvu.PrintTitles" localSheetId="0" hidden="1">'様式５ '!$4:$7</definedName>
    <definedName name="Z_7D518F9E_8A7F_4DB5_A328_AF9BA1D8A68F_.wvu.FilterData" localSheetId="0" hidden="1">'様式５ '!$B$6:$T$28</definedName>
    <definedName name="Z_7D7B3232_DD2F_4BAD_9D61_7BB9E8FBC5D0_.wvu.FilterData" localSheetId="0" hidden="1">'様式５ '!$A$7:$FN$28</definedName>
    <definedName name="Z_7E2DCBD7_F134_4F01_A073_369742F025BC_.wvu.FilterData" localSheetId="0" hidden="1">'様式５ '!$B$6:$T$28</definedName>
    <definedName name="Z_7F4591BF_0F6E_463C_863C_F8DFB75D20FC_.wvu.Cols" localSheetId="0" hidden="1">'様式５ '!$Q:$R</definedName>
    <definedName name="Z_7F4591BF_0F6E_463C_863C_F8DFB75D20FC_.wvu.FilterData" localSheetId="0" hidden="1">'様式５ '!$A$6:$T$28</definedName>
    <definedName name="Z_7F4591BF_0F6E_463C_863C_F8DFB75D20FC_.wvu.PrintArea" localSheetId="0" hidden="1">'様式５ '!$A$1:$K$30</definedName>
    <definedName name="Z_7F4591BF_0F6E_463C_863C_F8DFB75D20FC_.wvu.PrintTitles" localSheetId="0" hidden="1">'様式５ '!$4:$7</definedName>
    <definedName name="Z_7F9543F0_7900_417C_8668_8D9DC3C6A87C_.wvu.FilterData" localSheetId="0" hidden="1">'様式５ '!$B$6:$T$28</definedName>
    <definedName name="Z_81B5A484_EBF1_4915_9B07_DDCCFE2DB28C_.wvu.FilterData" localSheetId="0" hidden="1">'様式５ '!$B$6:$T$28</definedName>
    <definedName name="Z_86736FF6_D9DA_4CB4_A1A0_805D5D48FA90_.wvu.FilterData" localSheetId="0" hidden="1">'様式５ '!$B$6:$T$28</definedName>
    <definedName name="Z_88E44795_6332_42B5_AD03_CD37EB030AF2_.wvu.FilterData" localSheetId="0" hidden="1">'様式５ '!$B$6:$T$28</definedName>
    <definedName name="Z_89110E34_4E32_4289_9AEB_D2891C4E270B_.wvu.FilterData" localSheetId="0" hidden="1">'様式５ '!$A$6:$T$28</definedName>
    <definedName name="Z_89C710E6_1500_4641_966A_C6D35D6B7EB2_.wvu.FilterData" localSheetId="0" hidden="1">'様式５ '!$B$6:$T$28</definedName>
    <definedName name="Z_8B9E1F4E_8704_47E3_AFC2_BD7B7399C304_.wvu.FilterData" localSheetId="0" hidden="1">'様式５ '!$B$6:$T$28</definedName>
    <definedName name="Z_97250119_8D07_4D98_BD4A_0062145CE139_.wvu.FilterData" localSheetId="0" hidden="1">'様式５ '!$A$7:$FN$28</definedName>
    <definedName name="Z_99CD74FC_8B79_402C_9E5F_4C8C844F7522_.wvu.Cols" localSheetId="0" hidden="1">'様式５ '!$Q:$R</definedName>
    <definedName name="Z_99CD74FC_8B79_402C_9E5F_4C8C844F7522_.wvu.FilterData" localSheetId="0" hidden="1">'様式５ '!$A$6:$T$28</definedName>
    <definedName name="Z_99CD74FC_8B79_402C_9E5F_4C8C844F7522_.wvu.PrintArea" localSheetId="0" hidden="1">'様式５ '!$A$1:$K$30</definedName>
    <definedName name="Z_99CD74FC_8B79_402C_9E5F_4C8C844F7522_.wvu.PrintTitles" localSheetId="0" hidden="1">'様式５ '!$4:$7</definedName>
    <definedName name="Z_9B02B18F_FBC3_4003_B64D_6BF6D2FAF148_.wvu.Cols" localSheetId="0" hidden="1">'様式５ '!$Q:$R</definedName>
    <definedName name="Z_9B02B18F_FBC3_4003_B64D_6BF6D2FAF148_.wvu.FilterData" localSheetId="0" hidden="1">'様式５ '!$A$6:$FN$28</definedName>
    <definedName name="Z_9B02B18F_FBC3_4003_B64D_6BF6D2FAF148_.wvu.PrintArea" localSheetId="0" hidden="1">'様式５ '!$A$1:$K$30</definedName>
    <definedName name="Z_9B02B18F_FBC3_4003_B64D_6BF6D2FAF148_.wvu.PrintTitles" localSheetId="0" hidden="1">'様式５ '!$4:$7</definedName>
    <definedName name="Z_9B4A25DD_435F_45A5_893D_7D8E03D5FC78_.wvu.FilterData" localSheetId="0" hidden="1">'様式５ '!$B$6:$T$28</definedName>
    <definedName name="Z_9C01AE63_CFF0_4106_9038_7FADD737BB91_.wvu.Cols" localSheetId="0" hidden="1">'様式５ '!$Q:$R</definedName>
    <definedName name="Z_9C01AE63_CFF0_4106_9038_7FADD737BB91_.wvu.FilterData" localSheetId="0" hidden="1">'様式５ '!$A$6:$FN$28</definedName>
    <definedName name="Z_9C01AE63_CFF0_4106_9038_7FADD737BB91_.wvu.PrintArea" localSheetId="0" hidden="1">'様式５ '!$A$1:$K$30</definedName>
    <definedName name="Z_9C01AE63_CFF0_4106_9038_7FADD737BB91_.wvu.PrintTitles" localSheetId="0" hidden="1">'様式５ '!$4:$7</definedName>
    <definedName name="Z_9C40EDED_6440_486C_B2C2_1C1E7F80BEFD_.wvu.FilterData" localSheetId="0" hidden="1">'様式５ '!$A$6:$FN$28</definedName>
    <definedName name="Z_A0CE4855_8BF5_4B09_B255_E1A19C4E3053_.wvu.Cols" localSheetId="0" hidden="1">'様式５ '!$Q:$R</definedName>
    <definedName name="Z_A0CE4855_8BF5_4B09_B255_E1A19C4E3053_.wvu.FilterData" localSheetId="0" hidden="1">'様式５ '!$A$7:$FN$28</definedName>
    <definedName name="Z_A0CE4855_8BF5_4B09_B255_E1A19C4E3053_.wvu.PrintArea" localSheetId="0" hidden="1">'様式５ '!$A$1:$K$30</definedName>
    <definedName name="Z_A0CE4855_8BF5_4B09_B255_E1A19C4E3053_.wvu.PrintTitles" localSheetId="0" hidden="1">'様式５ '!$4:$7</definedName>
    <definedName name="Z_A0D972C1_3D2C_4C11_9E56_A82C309030EE_.wvu.Cols" localSheetId="0" hidden="1">'様式５ '!$Q:$R</definedName>
    <definedName name="Z_A0D972C1_3D2C_4C11_9E56_A82C309030EE_.wvu.FilterData" localSheetId="0" hidden="1">'様式５ '!$A$6:$FN$28</definedName>
    <definedName name="Z_A0D972C1_3D2C_4C11_9E56_A82C309030EE_.wvu.PrintArea" localSheetId="0" hidden="1">'様式５ '!$A$1:$K$30</definedName>
    <definedName name="Z_A0D972C1_3D2C_4C11_9E56_A82C309030EE_.wvu.PrintTitles" localSheetId="0" hidden="1">'様式５ '!$4:$7</definedName>
    <definedName name="Z_A1410A53_A816_48E6_BA3B_34AFBECBBF89_.wvu.FilterData" localSheetId="0" hidden="1">'様式５ '!$A$6:$FN$28</definedName>
    <definedName name="Z_A5081DD8_9472_4A84_A31C_C87428B96836_.wvu.FilterData" localSheetId="0" hidden="1">'様式５ '!$A$6:$FN$28</definedName>
    <definedName name="Z_A62B912E_02A1_47A6_A44F_AD1D542D7EAA_.wvu.FilterData" localSheetId="0" hidden="1">'様式５ '!$B$6:$T$28</definedName>
    <definedName name="Z_A899A51E_0321_424E_A816_E762C6453A5E_.wvu.Cols" localSheetId="0" hidden="1">'様式５ '!$Q:$R</definedName>
    <definedName name="Z_A899A51E_0321_424E_A816_E762C6453A5E_.wvu.FilterData" localSheetId="0" hidden="1">'様式５ '!$A$7:$FN$28</definedName>
    <definedName name="Z_A899A51E_0321_424E_A816_E762C6453A5E_.wvu.PrintArea" localSheetId="0" hidden="1">'様式５ '!$A$1:$K$30</definedName>
    <definedName name="Z_A899A51E_0321_424E_A816_E762C6453A5E_.wvu.PrintTitles" localSheetId="0" hidden="1">'様式５ '!$4:$7</definedName>
    <definedName name="Z_ABE7CFFB_C659_4189_B81A_6BEE666EADF0_.wvu.FilterData" localSheetId="0" hidden="1">'様式５ '!$B$6:$T$28</definedName>
    <definedName name="Z_AC548A2E_C48E_45CC_879A_E2EBB2B33EEA_.wvu.Cols" localSheetId="0" hidden="1">'様式５ '!$Q:$R</definedName>
    <definedName name="Z_AC548A2E_C48E_45CC_879A_E2EBB2B33EEA_.wvu.FilterData" localSheetId="0" hidden="1">'様式５ '!$A$6:$T$28</definedName>
    <definedName name="Z_AC548A2E_C48E_45CC_879A_E2EBB2B33EEA_.wvu.PrintArea" localSheetId="0" hidden="1">'様式５ '!$A$1:$K$29</definedName>
    <definedName name="Z_AC548A2E_C48E_45CC_879A_E2EBB2B33EEA_.wvu.PrintTitles" localSheetId="0" hidden="1">'様式５ '!$4:$7</definedName>
    <definedName name="Z_ACF9747A_930D_4496_B09E_8726FC61D724_.wvu.FilterData" localSheetId="0" hidden="1">'様式５ '!$B$6:$T$28</definedName>
    <definedName name="Z_AD4EEFD1_EF9D_4286_82C0_7E3CB759B6A3_.wvu.FilterData" localSheetId="0" hidden="1">'様式５ '!$A$7:$FN$28</definedName>
    <definedName name="Z_B1C44EF9_9F01_4248_AAFB_58D37EA4F0EC_.wvu.Cols" localSheetId="0" hidden="1">'様式５ '!$Q:$R</definedName>
    <definedName name="Z_B1C44EF9_9F01_4248_AAFB_58D37EA4F0EC_.wvu.FilterData" localSheetId="0" hidden="1">'様式５ '!$A$6:$T$28</definedName>
    <definedName name="Z_B1C44EF9_9F01_4248_AAFB_58D37EA4F0EC_.wvu.PrintArea" localSheetId="0" hidden="1">'様式５ '!$A$1:$K$30</definedName>
    <definedName name="Z_B1C44EF9_9F01_4248_AAFB_58D37EA4F0EC_.wvu.PrintTitles" localSheetId="0" hidden="1">'様式５ '!$4:$7</definedName>
    <definedName name="Z_B1F42F59_5BB5_41C4_97C6_4484184E13F1_.wvu.FilterData" localSheetId="0" hidden="1">'様式５ '!$A$6:$T$28</definedName>
    <definedName name="Z_B2687233_4AA3_4362_A023_25CC6BE303C3_.wvu.FilterData" localSheetId="0" hidden="1">'様式５ '!$A$7:$FN$28</definedName>
    <definedName name="Z_B2D441E7_D750_4466_9F5C_BED9F80CA5C9_.wvu.Cols" localSheetId="0" hidden="1">'様式５ '!$Q:$R</definedName>
    <definedName name="Z_B2D441E7_D750_4466_9F5C_BED9F80CA5C9_.wvu.FilterData" localSheetId="0" hidden="1">'様式５ '!$A$6:$FN$28</definedName>
    <definedName name="Z_B2D441E7_D750_4466_9F5C_BED9F80CA5C9_.wvu.PrintArea" localSheetId="0" hidden="1">'様式５ '!$A$1:$K$30</definedName>
    <definedName name="Z_B2D441E7_D750_4466_9F5C_BED9F80CA5C9_.wvu.PrintTitles" localSheetId="0" hidden="1">'様式５ '!$4:$7</definedName>
    <definedName name="Z_B4678970_F49A_41CB_BDF8_35F7BBC61272_.wvu.FilterData" localSheetId="0" hidden="1">'様式５ '!$A$6:$FN$28</definedName>
    <definedName name="Z_B46A0E73_873C_4404_B73B_B777317F5A7C_.wvu.Cols" localSheetId="0" hidden="1">'様式５ '!$Q:$R</definedName>
    <definedName name="Z_B46A0E73_873C_4404_B73B_B777317F5A7C_.wvu.FilterData" localSheetId="0" hidden="1">'様式５ '!$A$6:$T$28</definedName>
    <definedName name="Z_B46A0E73_873C_4404_B73B_B777317F5A7C_.wvu.PrintArea" localSheetId="0" hidden="1">'様式５ '!$A$1:$K$29</definedName>
    <definedName name="Z_B46A0E73_873C_4404_B73B_B777317F5A7C_.wvu.PrintTitles" localSheetId="0" hidden="1">'様式５ '!$4:$7</definedName>
    <definedName name="Z_B4B87361_AF8D_47C5_957E_E5D261105FF8_.wvu.FilterData" localSheetId="0" hidden="1">'様式５ '!$B$6:$T$28</definedName>
    <definedName name="Z_B6553749_8496_48D9_9B28_2FAA782B16AA_.wvu.FilterData" localSheetId="0" hidden="1">'様式５ '!$A$6:$T$28</definedName>
    <definedName name="Z_B8061F44_4299_433B_992E_389B11EF0957_.wvu.Cols" localSheetId="0" hidden="1">'様式５ '!$Q:$R</definedName>
    <definedName name="Z_B8061F44_4299_433B_992E_389B11EF0957_.wvu.FilterData" localSheetId="0" hidden="1">'様式５ '!$A$6:$FN$28</definedName>
    <definedName name="Z_B8061F44_4299_433B_992E_389B11EF0957_.wvu.PrintArea" localSheetId="0" hidden="1">'様式５ '!$A$1:$K$30</definedName>
    <definedName name="Z_B8061F44_4299_433B_992E_389B11EF0957_.wvu.PrintTitles" localSheetId="0" hidden="1">'様式５ '!$4:$7</definedName>
    <definedName name="Z_B8F489ED_1D77_4F4E_A920_2AEA32928870_.wvu.Cols" localSheetId="0" hidden="1">'様式５ '!$Q:$R</definedName>
    <definedName name="Z_B8F489ED_1D77_4F4E_A920_2AEA32928870_.wvu.FilterData" localSheetId="0" hidden="1">'様式５ '!$A$6:$T$28</definedName>
    <definedName name="Z_B8F489ED_1D77_4F4E_A920_2AEA32928870_.wvu.PrintArea" localSheetId="0" hidden="1">'様式５ '!$A$1:$K$30</definedName>
    <definedName name="Z_B8F489ED_1D77_4F4E_A920_2AEA32928870_.wvu.PrintTitles" localSheetId="0" hidden="1">'様式５ '!$4:$7</definedName>
    <definedName name="Z_BEBE1D7C_DEFF_404E_81F6_1D5210FB524E_.wvu.FilterData" localSheetId="0" hidden="1">'様式５ '!$A$6:$W$28</definedName>
    <definedName name="Z_C0F05C73_B9DA_46F9_A090_B8FE2204D51E_.wvu.Cols" localSheetId="0" hidden="1">'様式５ '!$Q:$R</definedName>
    <definedName name="Z_C0F05C73_B9DA_46F9_A090_B8FE2204D51E_.wvu.FilterData" localSheetId="0" hidden="1">'様式５ '!$A$6:$FN$28</definedName>
    <definedName name="Z_C0F05C73_B9DA_46F9_A090_B8FE2204D51E_.wvu.PrintArea" localSheetId="0" hidden="1">'様式５ '!$A$1:$K$30</definedName>
    <definedName name="Z_C0F05C73_B9DA_46F9_A090_B8FE2204D51E_.wvu.PrintTitles" localSheetId="0" hidden="1">'様式５ '!$4:$7</definedName>
    <definedName name="Z_C16C9525_F2AB_499F_8B03_B5D0380B83C8_.wvu.FilterData" localSheetId="0" hidden="1">'様式５ '!$A$6:$FN$28</definedName>
    <definedName name="Z_C4D82BCF_451C_40BA_B4B3_30E21386BB25_.wvu.Cols" localSheetId="0" hidden="1">'様式５ '!$Q:$R</definedName>
    <definedName name="Z_C4D82BCF_451C_40BA_B4B3_30E21386BB25_.wvu.FilterData" localSheetId="0" hidden="1">'様式５ '!$A$6:$T$28</definedName>
    <definedName name="Z_C4D82BCF_451C_40BA_B4B3_30E21386BB25_.wvu.PrintArea" localSheetId="0" hidden="1">'様式５ '!$A$1:$K$30</definedName>
    <definedName name="Z_C4D82BCF_451C_40BA_B4B3_30E21386BB25_.wvu.PrintTitles" localSheetId="0" hidden="1">'様式５ '!$4:$7</definedName>
    <definedName name="Z_C9C96EC1_4A13_433C_8CA1_D624BCDA23FB_.wvu.Cols" localSheetId="0" hidden="1">'様式５ '!$Q:$R</definedName>
    <definedName name="Z_C9C96EC1_4A13_433C_8CA1_D624BCDA23FB_.wvu.FilterData" localSheetId="0" hidden="1">'様式５ '!$A$6:$FN$28</definedName>
    <definedName name="Z_C9C96EC1_4A13_433C_8CA1_D624BCDA23FB_.wvu.PrintArea" localSheetId="0" hidden="1">'様式５ '!$A$1:$K$29</definedName>
    <definedName name="Z_C9C96EC1_4A13_433C_8CA1_D624BCDA23FB_.wvu.PrintTitles" localSheetId="0" hidden="1">'様式５ '!$4:$7</definedName>
    <definedName name="Z_CA064EC8_4D5C_43EE_BBED_E1B6AF542620_.wvu.FilterData" localSheetId="0" hidden="1">'様式５ '!$A$6:$T$28</definedName>
    <definedName name="Z_CC508307_D119_49FF_8BAA_92AABCA0A5FE_.wvu.FilterData" localSheetId="0" hidden="1">'様式５ '!$A$6:$T$28</definedName>
    <definedName name="Z_CD5934FC_09B2_46D2_BD46_603DD634A2B3_.wvu.FilterData" localSheetId="0" hidden="1">'様式５ '!$B$6:$T$28</definedName>
    <definedName name="Z_CF210D75_E9EC_484F_8319_9012F4240FCE_.wvu.FilterData" localSheetId="0" hidden="1">'様式５ '!$B$6:$T$28</definedName>
    <definedName name="Z_CF3F1375_589A_425A_AD36_5AC937F02F87_.wvu.Cols" localSheetId="0" hidden="1">'様式５ '!$Q:$R</definedName>
    <definedName name="Z_CF3F1375_589A_425A_AD36_5AC937F02F87_.wvu.FilterData" localSheetId="0" hidden="1">'様式５ '!$A$6:$FN$28</definedName>
    <definedName name="Z_CF3F1375_589A_425A_AD36_5AC937F02F87_.wvu.PrintArea" localSheetId="0" hidden="1">'様式５ '!$A$1:$K$29</definedName>
    <definedName name="Z_CF3F1375_589A_425A_AD36_5AC937F02F87_.wvu.PrintTitles" localSheetId="0" hidden="1">'様式５ '!$4:$7</definedName>
    <definedName name="Z_CFAC28C4_9DA6_44BB_B6AC_1E1BA4188994_.wvu.Cols" localSheetId="0" hidden="1">'様式５ '!$Q:$R</definedName>
    <definedName name="Z_CFAC28C4_9DA6_44BB_B6AC_1E1BA4188994_.wvu.FilterData" localSheetId="0" hidden="1">'様式５ '!$A$6:$T$28</definedName>
    <definedName name="Z_CFAC28C4_9DA6_44BB_B6AC_1E1BA4188994_.wvu.PrintArea" localSheetId="0" hidden="1">'様式５ '!$A$1:$K$30</definedName>
    <definedName name="Z_CFAC28C4_9DA6_44BB_B6AC_1E1BA4188994_.wvu.PrintTitles" localSheetId="0" hidden="1">'様式５ '!$4:$7</definedName>
    <definedName name="Z_D1B1F72B_6819_4930_8144_DE97EF61D4BF_.wvu.FilterData" localSheetId="0" hidden="1">'様式５ '!$A$6:$FN$28</definedName>
    <definedName name="Z_D1FDF22B_2638_4D49_B1CE_8C5C674E5104_.wvu.Cols" localSheetId="0" hidden="1">'様式５ '!$Q:$R</definedName>
    <definedName name="Z_D1FDF22B_2638_4D49_B1CE_8C5C674E5104_.wvu.FilterData" localSheetId="0" hidden="1">'様式５ '!$A$7:$FN$28</definedName>
    <definedName name="Z_D1FDF22B_2638_4D49_B1CE_8C5C674E5104_.wvu.PrintArea" localSheetId="0" hidden="1">'様式５ '!$A$1:$K$30</definedName>
    <definedName name="Z_D1FDF22B_2638_4D49_B1CE_8C5C674E5104_.wvu.PrintTitles" localSheetId="0" hidden="1">'様式５ '!$4:$7</definedName>
    <definedName name="Z_D256FE90_7AAC_4F17_90E9_624F563EB144_.wvu.FilterData" localSheetId="0" hidden="1">'様式５ '!$B$6:$T$28</definedName>
    <definedName name="Z_D3F484C7_A7A8_41A6_A643_59A7212BC1DA_.wvu.Cols" localSheetId="0" hidden="1">'様式５ '!$Q:$R</definedName>
    <definedName name="Z_D3F484C7_A7A8_41A6_A643_59A7212BC1DA_.wvu.FilterData" localSheetId="0" hidden="1">'様式５ '!$A$6:$FN$28</definedName>
    <definedName name="Z_D3F484C7_A7A8_41A6_A643_59A7212BC1DA_.wvu.PrintArea" localSheetId="0" hidden="1">'様式５ '!$A$1:$K$30</definedName>
    <definedName name="Z_D3F484C7_A7A8_41A6_A643_59A7212BC1DA_.wvu.PrintTitles" localSheetId="0" hidden="1">'様式５ '!$4:$7</definedName>
    <definedName name="Z_D4EA57D4_4F86_40B9_8148_886698F83C2D_.wvu.Cols" localSheetId="0" hidden="1">'様式５ '!$Q:$R</definedName>
    <definedName name="Z_D4EA57D4_4F86_40B9_8148_886698F83C2D_.wvu.FilterData" localSheetId="0" hidden="1">'様式５ '!$A$7:$FN$28</definedName>
    <definedName name="Z_D4EA57D4_4F86_40B9_8148_886698F83C2D_.wvu.PrintArea" localSheetId="0" hidden="1">'様式５ '!$A$1:$K$30</definedName>
    <definedName name="Z_D4EA57D4_4F86_40B9_8148_886698F83C2D_.wvu.PrintTitles" localSheetId="0" hidden="1">'様式５ '!$4:$7</definedName>
    <definedName name="Z_D6BF0446_50C6_4678_A04B_32751588DCF3_.wvu.FilterData" localSheetId="0" hidden="1">'様式５ '!$A$6:$T$28</definedName>
    <definedName name="Z_D8CB58F5_96B6_4D98_AA0B_1C30DB37037E_.wvu.FilterData" localSheetId="0" hidden="1">'様式５ '!$A$6:$T$28</definedName>
    <definedName name="Z_DBBA8445_9E0F_40D4_9DE9_2933FE897DAF_.wvu.FilterData" localSheetId="0" hidden="1">'様式５ '!$A$6:$T$28</definedName>
    <definedName name="Z_DCF9EBB2_7E40_4D30_A631_26C53A48C875_.wvu.FilterData" localSheetId="0" hidden="1">'様式５ '!$A$6:$FN$28</definedName>
    <definedName name="Z_DD5041F1_D646_4B19_8029_60E491D20DFE_.wvu.FilterData" localSheetId="0" hidden="1">'様式５ '!$B$6:$T$28</definedName>
    <definedName name="Z_DE09C4E9_0758_44B2_A8EA_EB4A253DB03B_.wvu.FilterData" localSheetId="0" hidden="1">'様式５ '!$A$6:$T$28</definedName>
    <definedName name="Z_E021E6C9_86EB_41E0_8F9B_D09B9E304D29_.wvu.Cols" localSheetId="0" hidden="1">'様式５ '!$Q:$R</definedName>
    <definedName name="Z_E021E6C9_86EB_41E0_8F9B_D09B9E304D29_.wvu.FilterData" localSheetId="0" hidden="1">'様式５ '!$A$7:$FN$28</definedName>
    <definedName name="Z_E021E6C9_86EB_41E0_8F9B_D09B9E304D29_.wvu.PrintArea" localSheetId="0" hidden="1">'様式５ '!$A$1:$K$30</definedName>
    <definedName name="Z_E021E6C9_86EB_41E0_8F9B_D09B9E304D29_.wvu.PrintTitles" localSheetId="0" hidden="1">'様式５ '!$4:$7</definedName>
    <definedName name="Z_E0B705B4_A912_4810_9C2E_4F7E515E914E_.wvu.Cols" localSheetId="0" hidden="1">'様式５ '!$Q:$R</definedName>
    <definedName name="Z_E0B705B4_A912_4810_9C2E_4F7E515E914E_.wvu.FilterData" localSheetId="0" hidden="1">'様式５ '!$A$6:$T$28</definedName>
    <definedName name="Z_E0B705B4_A912_4810_9C2E_4F7E515E914E_.wvu.PrintArea" localSheetId="0" hidden="1">'様式５ '!$A$1:$K$30</definedName>
    <definedName name="Z_E0B705B4_A912_4810_9C2E_4F7E515E914E_.wvu.PrintTitles" localSheetId="0" hidden="1">'様式５ '!$4:$7</definedName>
    <definedName name="Z_E16630A9_77A8_489F_A623_9A8FC0379AC4_.wvu.Cols" localSheetId="0" hidden="1">'様式５ '!$Q:$R</definedName>
    <definedName name="Z_E16630A9_77A8_489F_A623_9A8FC0379AC4_.wvu.FilterData" localSheetId="0" hidden="1">'様式５ '!$A$6:$T$28</definedName>
    <definedName name="Z_E16630A9_77A8_489F_A623_9A8FC0379AC4_.wvu.PrintArea" localSheetId="0" hidden="1">'様式５ '!$A$1:$K$30</definedName>
    <definedName name="Z_E16630A9_77A8_489F_A623_9A8FC0379AC4_.wvu.PrintTitles" localSheetId="0" hidden="1">'様式５ '!$4:$7</definedName>
    <definedName name="Z_E2E7A86C_90FB_4339_8885_AFCEC833D4CF_.wvu.FilterData" localSheetId="0" hidden="1">'様式５ '!$A$6:$FN$28</definedName>
    <definedName name="Z_E3738867_F5D5_4516_9C4E_FA0FEDF4A671_.wvu.FilterData" localSheetId="0" hidden="1">'様式５ '!$B$6:$T$28</definedName>
    <definedName name="Z_E4D5FBE2_BDB8_47D1_B4A9_3D49381FAF5C_.wvu.Cols" localSheetId="0" hidden="1">'様式５ '!$Q:$R</definedName>
    <definedName name="Z_E4D5FBE2_BDB8_47D1_B4A9_3D49381FAF5C_.wvu.FilterData" localSheetId="0" hidden="1">'様式５ '!$A$6:$FN$28</definedName>
    <definedName name="Z_E4D5FBE2_BDB8_47D1_B4A9_3D49381FAF5C_.wvu.PrintArea" localSheetId="0" hidden="1">'様式５ '!$A$1:$K$30</definedName>
    <definedName name="Z_E4D5FBE2_BDB8_47D1_B4A9_3D49381FAF5C_.wvu.PrintTitles" localSheetId="0" hidden="1">'様式５ '!$4:$7</definedName>
    <definedName name="Z_E9599D06_5045_4F02_A405_3D6703BDDB40_.wvu.Cols" localSheetId="0" hidden="1">'様式５ '!$Q:$R</definedName>
    <definedName name="Z_E9599D06_5045_4F02_A405_3D6703BDDB40_.wvu.FilterData" localSheetId="0" hidden="1">'様式５ '!$A$6:$FN$28</definedName>
    <definedName name="Z_E9599D06_5045_4F02_A405_3D6703BDDB40_.wvu.PrintArea" localSheetId="0" hidden="1">'様式５ '!$A$1:$K$30</definedName>
    <definedName name="Z_E9599D06_5045_4F02_A405_3D6703BDDB40_.wvu.PrintTitles" localSheetId="0" hidden="1">'様式５ '!$4:$7</definedName>
    <definedName name="Z_EA41A870_F127_49E7_A3AB_BAEABD1815B4_.wvu.FilterData" localSheetId="0" hidden="1">'様式５ '!$A$6:$T$28</definedName>
    <definedName name="Z_EC32E599_0BEF_41F1_8B76_6572A0EC043F_.wvu.Cols" localSheetId="0" hidden="1">'様式５ '!$Q:$R</definedName>
    <definedName name="Z_EC32E599_0BEF_41F1_8B76_6572A0EC043F_.wvu.FilterData" localSheetId="0" hidden="1">'様式５ '!$A$6:$FN$28</definedName>
    <definedName name="Z_EC32E599_0BEF_41F1_8B76_6572A0EC043F_.wvu.PrintArea" localSheetId="0" hidden="1">'様式５ '!$A$1:$K$29</definedName>
    <definedName name="Z_EC32E599_0BEF_41F1_8B76_6572A0EC043F_.wvu.PrintTitles" localSheetId="0" hidden="1">'様式５ '!$4:$7</definedName>
    <definedName name="Z_EC7353BA_FEB2_44C3_9BD4_FB607F8CAE56_.wvu.Cols" localSheetId="0" hidden="1">'様式５ '!$Q:$R</definedName>
    <definedName name="Z_EC7353BA_FEB2_44C3_9BD4_FB607F8CAE56_.wvu.FilterData" localSheetId="0" hidden="1">'様式５ '!$A$6:$FN$28</definedName>
    <definedName name="Z_EC7353BA_FEB2_44C3_9BD4_FB607F8CAE56_.wvu.PrintArea" localSheetId="0" hidden="1">'様式５ '!$A$1:$K$30</definedName>
    <definedName name="Z_EC7353BA_FEB2_44C3_9BD4_FB607F8CAE56_.wvu.PrintTitles" localSheetId="0" hidden="1">'様式５ '!$4:$7</definedName>
    <definedName name="Z_EC7ABD86_73FB_4738_8E62_37D9777EF768_.wvu.FilterData" localSheetId="0" hidden="1">'様式５ '!$A$6:$T$28</definedName>
    <definedName name="Z_ECD10BCA_61B5_48D1_AFED_EA9B32A0B90E_.wvu.Cols" localSheetId="0" hidden="1">'様式５ '!$Q:$R</definedName>
    <definedName name="Z_ECD10BCA_61B5_48D1_AFED_EA9B32A0B90E_.wvu.FilterData" localSheetId="0" hidden="1">'様式５ '!$A$6:$T$28</definedName>
    <definedName name="Z_ECD10BCA_61B5_48D1_AFED_EA9B32A0B90E_.wvu.PrintArea" localSheetId="0" hidden="1">'様式５ '!$A$1:$K$30</definedName>
    <definedName name="Z_ECD10BCA_61B5_48D1_AFED_EA9B32A0B90E_.wvu.PrintTitles" localSheetId="0" hidden="1">'様式５ '!$4:$7</definedName>
    <definedName name="Z_ECE06993_6D41_42FC_98A7_AAC2020FADCC_.wvu.FilterData" localSheetId="0" hidden="1">'様式５ '!$B$6:$T$28</definedName>
    <definedName name="Z_EDE797E3_EF62_4135_93F5_F9D63E4A645A_.wvu.FilterData" localSheetId="0" hidden="1">'様式５ '!$A$6:$FN$28</definedName>
    <definedName name="Z_F060692F_E6DF_412F_9701_0C64A0D5BC00_.wvu.FilterData" localSheetId="0" hidden="1">'様式５ '!$A$6:$FN$28</definedName>
    <definedName name="Z_F4877DFA_CD25_4ACD_8FD8_51FEDFFE69C4_.wvu.FilterData" localSheetId="0" hidden="1">'様式５ '!$A$6:$FN$28</definedName>
    <definedName name="Z_F552F5E9_56D0_45EB_BAC2_4EDB8E6C3152_.wvu.FilterData" localSheetId="0" hidden="1">'様式５ '!$A$6:$T$28</definedName>
    <definedName name="Z_F6ADF229_4919_4DA6_81C9_9FB0BF082A60_.wvu.FilterData" localSheetId="0" hidden="1">'様式５ '!$B$6:$T$28</definedName>
    <definedName name="Z_FC27523E_F7B2_4FC2_87C5_2688147494EC_.wvu.FilterData" localSheetId="0" hidden="1">'様式５ '!$B$6:$T$28</definedName>
    <definedName name="Z_FE190E17_C77D_49C1_A972_F9F2A53C5F62_.wvu.FilterData" localSheetId="0" hidden="1">'様式５ '!$A$6:$FN$28</definedName>
    <definedName name="加算_教員">5000</definedName>
    <definedName name="加算_職員">5900</definedName>
    <definedName name="識別コード8月14日" localSheetId="0">#REF!</definedName>
    <definedName name="識別コード8月14日">#REF!</definedName>
    <definedName name="団体名">[3]データ!$B$4:$B$96</definedName>
    <definedName name="費目コード" localSheetId="0">#REF!</definedName>
    <definedName name="費目コード">#REF!</definedName>
    <definedName name="費目識別" localSheetId="0">#REF!</definedName>
    <definedName name="費目識別">#REF!</definedName>
    <definedName name="分類">'[4]様式17(見直し一覧)'!$A$38:$A$47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I16" i="1" l="1"/>
  <c r="I23" i="1" l="1"/>
  <c r="I27" i="1"/>
  <c r="I24" i="1" l="1"/>
  <c r="I19" i="1"/>
  <c r="I10" i="1"/>
  <c r="I11" i="1"/>
  <c r="I15" i="1"/>
  <c r="I9" i="1"/>
  <c r="I18" i="1"/>
  <c r="I26" i="1"/>
  <c r="I22" i="1" l="1"/>
  <c r="I14" i="1"/>
  <c r="I8" i="1"/>
  <c r="I25" i="1"/>
  <c r="I17" i="1"/>
  <c r="I21" i="1" l="1"/>
  <c r="I13" i="1"/>
  <c r="I12" i="1" l="1"/>
  <c r="I20" i="1"/>
  <c r="I28" i="1" l="1"/>
</calcChain>
</file>

<file path=xl/sharedStrings.xml><?xml version="1.0" encoding="utf-8"?>
<sst xmlns="http://schemas.openxmlformats.org/spreadsheetml/2006/main" count="38" uniqueCount="38">
  <si>
    <t>一般会計歳入予算一覧</t>
    <rPh sb="0" eb="2">
      <t>イッパン</t>
    </rPh>
    <rPh sb="2" eb="4">
      <t>カイケイ</t>
    </rPh>
    <rPh sb="4" eb="6">
      <t>サイニュウ</t>
    </rPh>
    <rPh sb="6" eb="8">
      <t>ヨサン</t>
    </rPh>
    <rPh sb="8" eb="10">
      <t>イチラン</t>
    </rPh>
    <phoneticPr fontId="4"/>
  </si>
  <si>
    <t>(単位：千円)</t>
    <phoneticPr fontId="8"/>
  </si>
  <si>
    <t>通し</t>
    <phoneticPr fontId="4"/>
  </si>
  <si>
    <t>科目</t>
    <rPh sb="0" eb="2">
      <t>カモク</t>
    </rPh>
    <phoneticPr fontId="4"/>
  </si>
  <si>
    <t>説明</t>
    <rPh sb="0" eb="2">
      <t>セツメイ</t>
    </rPh>
    <phoneticPr fontId="14"/>
  </si>
  <si>
    <t>3 年 度</t>
    <rPh sb="2" eb="3">
      <t>ネン</t>
    </rPh>
    <rPh sb="4" eb="5">
      <t>ド</t>
    </rPh>
    <phoneticPr fontId="14"/>
  </si>
  <si>
    <t>4 年 度</t>
    <rPh sb="2" eb="3">
      <t>ネン</t>
    </rPh>
    <rPh sb="4" eb="5">
      <t>ド</t>
    </rPh>
    <phoneticPr fontId="14"/>
  </si>
  <si>
    <t>増　　減</t>
    <rPh sb="0" eb="1">
      <t>ゾウ</t>
    </rPh>
    <rPh sb="3" eb="4">
      <t>ゲン</t>
    </rPh>
    <phoneticPr fontId="4"/>
  </si>
  <si>
    <t>備考</t>
    <phoneticPr fontId="4"/>
  </si>
  <si>
    <t>番号</t>
    <phoneticPr fontId="4"/>
  </si>
  <si>
    <t>当　初①</t>
    <rPh sb="0" eb="1">
      <t>トウ</t>
    </rPh>
    <rPh sb="2" eb="3">
      <t>ハツ</t>
    </rPh>
    <phoneticPr fontId="4"/>
  </si>
  <si>
    <t>（②-①）</t>
    <phoneticPr fontId="4"/>
  </si>
  <si>
    <t>16款　使用料及手数料</t>
    <rPh sb="2" eb="3">
      <t>カン</t>
    </rPh>
    <rPh sb="4" eb="7">
      <t>シヨウリョウ</t>
    </rPh>
    <rPh sb="7" eb="8">
      <t>オヨ</t>
    </rPh>
    <rPh sb="8" eb="11">
      <t>テスウリョウ</t>
    </rPh>
    <phoneticPr fontId="8"/>
  </si>
  <si>
    <t>1項　使用料</t>
    <rPh sb="1" eb="2">
      <t>コウ</t>
    </rPh>
    <rPh sb="3" eb="6">
      <t>シヨウリョウ</t>
    </rPh>
    <phoneticPr fontId="8"/>
  </si>
  <si>
    <t>1目　総務使用料</t>
    <rPh sb="1" eb="2">
      <t>モク</t>
    </rPh>
    <rPh sb="3" eb="5">
      <t>ソウム</t>
    </rPh>
    <rPh sb="5" eb="8">
      <t>シヨウリョウ</t>
    </rPh>
    <phoneticPr fontId="8"/>
  </si>
  <si>
    <t>2節　其他使用料</t>
    <rPh sb="1" eb="2">
      <t>セツ</t>
    </rPh>
    <rPh sb="3" eb="5">
      <t>ソノタ</t>
    </rPh>
    <rPh sb="5" eb="8">
      <t>シヨウリョウ</t>
    </rPh>
    <phoneticPr fontId="8"/>
  </si>
  <si>
    <t>行政財産の目的外使用料</t>
    <rPh sb="0" eb="2">
      <t>ギョウセイ</t>
    </rPh>
    <rPh sb="2" eb="4">
      <t>ザイサン</t>
    </rPh>
    <rPh sb="5" eb="7">
      <t>モクテキ</t>
    </rPh>
    <rPh sb="7" eb="8">
      <t>ガイ</t>
    </rPh>
    <rPh sb="8" eb="10">
      <t>シヨウ</t>
    </rPh>
    <rPh sb="10" eb="11">
      <t>リョウ</t>
    </rPh>
    <phoneticPr fontId="8"/>
  </si>
  <si>
    <t>19款　財産収入</t>
    <rPh sb="2" eb="3">
      <t>カン</t>
    </rPh>
    <rPh sb="4" eb="6">
      <t>ザイサン</t>
    </rPh>
    <rPh sb="6" eb="8">
      <t>シュウニュウ</t>
    </rPh>
    <phoneticPr fontId="8"/>
  </si>
  <si>
    <t>1項　財産貸付収入</t>
    <rPh sb="1" eb="2">
      <t>コウ</t>
    </rPh>
    <rPh sb="3" eb="5">
      <t>ザイサン</t>
    </rPh>
    <rPh sb="5" eb="7">
      <t>カシツケ</t>
    </rPh>
    <rPh sb="7" eb="9">
      <t>シュウニュウ</t>
    </rPh>
    <phoneticPr fontId="8"/>
  </si>
  <si>
    <t>1目　賃貸料</t>
    <rPh sb="1" eb="2">
      <t>モク</t>
    </rPh>
    <rPh sb="3" eb="6">
      <t>チンタイリョウ</t>
    </rPh>
    <phoneticPr fontId="8"/>
  </si>
  <si>
    <t>1節　土地賃貸料</t>
    <rPh sb="1" eb="2">
      <t>セツ</t>
    </rPh>
    <rPh sb="3" eb="5">
      <t>トチ</t>
    </rPh>
    <rPh sb="5" eb="8">
      <t>チンタイリョウ</t>
    </rPh>
    <phoneticPr fontId="8"/>
  </si>
  <si>
    <t>未利用地賃貸料</t>
    <rPh sb="0" eb="4">
      <t>ミリヨウチ</t>
    </rPh>
    <rPh sb="4" eb="7">
      <t>チンタイリョウ</t>
    </rPh>
    <phoneticPr fontId="8"/>
  </si>
  <si>
    <t>22款　繰入金</t>
    <rPh sb="2" eb="3">
      <t>カン</t>
    </rPh>
    <rPh sb="4" eb="6">
      <t>クリイレ</t>
    </rPh>
    <rPh sb="6" eb="7">
      <t>キン</t>
    </rPh>
    <phoneticPr fontId="8"/>
  </si>
  <si>
    <t>3項　蓄積基金繰入金</t>
    <rPh sb="1" eb="2">
      <t>コウ</t>
    </rPh>
    <rPh sb="3" eb="5">
      <t>チクセキ</t>
    </rPh>
    <rPh sb="5" eb="7">
      <t>キキン</t>
    </rPh>
    <rPh sb="7" eb="9">
      <t>クリイレ</t>
    </rPh>
    <rPh sb="9" eb="10">
      <t>キン</t>
    </rPh>
    <phoneticPr fontId="8"/>
  </si>
  <si>
    <t>5目　区政推進基金 繰入金</t>
    <rPh sb="1" eb="2">
      <t>モク</t>
    </rPh>
    <rPh sb="3" eb="5">
      <t>クセイ</t>
    </rPh>
    <rPh sb="5" eb="7">
      <t>スイシン</t>
    </rPh>
    <rPh sb="7" eb="9">
      <t>キキン</t>
    </rPh>
    <rPh sb="10" eb="12">
      <t>クリイレ</t>
    </rPh>
    <rPh sb="12" eb="13">
      <t>キン</t>
    </rPh>
    <phoneticPr fontId="8"/>
  </si>
  <si>
    <t>1節　区政推進基金 繰入金</t>
    <rPh sb="1" eb="2">
      <t>セツ</t>
    </rPh>
    <rPh sb="3" eb="5">
      <t>クセイ</t>
    </rPh>
    <rPh sb="5" eb="7">
      <t>スイシン</t>
    </rPh>
    <rPh sb="7" eb="9">
      <t>キキン</t>
    </rPh>
    <rPh sb="10" eb="12">
      <t>クリイレ</t>
    </rPh>
    <rPh sb="12" eb="13">
      <t>キン</t>
    </rPh>
    <phoneticPr fontId="8"/>
  </si>
  <si>
    <t>区政推進基金からの繰入金</t>
    <rPh sb="0" eb="2">
      <t>クセイ</t>
    </rPh>
    <rPh sb="2" eb="4">
      <t>スイシン</t>
    </rPh>
    <rPh sb="4" eb="6">
      <t>キキン</t>
    </rPh>
    <rPh sb="9" eb="11">
      <t>クリイレ</t>
    </rPh>
    <rPh sb="11" eb="12">
      <t>キン</t>
    </rPh>
    <phoneticPr fontId="8"/>
  </si>
  <si>
    <t>23款　諸収入</t>
    <rPh sb="2" eb="3">
      <t>カン</t>
    </rPh>
    <rPh sb="4" eb="5">
      <t>ショ</t>
    </rPh>
    <rPh sb="5" eb="7">
      <t>シュウニュウ</t>
    </rPh>
    <phoneticPr fontId="8"/>
  </si>
  <si>
    <t>6項　雑入</t>
    <rPh sb="1" eb="2">
      <t>コウ</t>
    </rPh>
    <rPh sb="3" eb="5">
      <t>ザツニュウ</t>
    </rPh>
    <phoneticPr fontId="8"/>
  </si>
  <si>
    <t>2目　弁償金</t>
    <rPh sb="1" eb="2">
      <t>モク</t>
    </rPh>
    <rPh sb="3" eb="6">
      <t>ベンショウキン</t>
    </rPh>
    <phoneticPr fontId="8"/>
  </si>
  <si>
    <t>1節　番号標弁償金</t>
    <rPh sb="1" eb="2">
      <t>セツ</t>
    </rPh>
    <rPh sb="3" eb="5">
      <t>バンゴウ</t>
    </rPh>
    <rPh sb="5" eb="6">
      <t>ヒョウ</t>
    </rPh>
    <rPh sb="6" eb="9">
      <t>ベンショウキン</t>
    </rPh>
    <phoneticPr fontId="8"/>
  </si>
  <si>
    <t>自動車臨時運行許可番号標弁償金</t>
    <rPh sb="0" eb="3">
      <t>ジドウシャ</t>
    </rPh>
    <rPh sb="3" eb="5">
      <t>リンジ</t>
    </rPh>
    <rPh sb="5" eb="7">
      <t>ウンコウ</t>
    </rPh>
    <rPh sb="7" eb="9">
      <t>キョカ</t>
    </rPh>
    <rPh sb="9" eb="11">
      <t>バンゴウ</t>
    </rPh>
    <rPh sb="11" eb="12">
      <t>ヒョウ</t>
    </rPh>
    <rPh sb="12" eb="15">
      <t>ベンショウキン</t>
    </rPh>
    <phoneticPr fontId="8"/>
  </si>
  <si>
    <t>22目　雑収</t>
    <rPh sb="2" eb="3">
      <t>モク</t>
    </rPh>
    <rPh sb="4" eb="5">
      <t>ザツ</t>
    </rPh>
    <rPh sb="5" eb="6">
      <t>シュウ</t>
    </rPh>
    <phoneticPr fontId="8"/>
  </si>
  <si>
    <t>1節　雑収</t>
    <rPh sb="1" eb="2">
      <t>セツ</t>
    </rPh>
    <rPh sb="3" eb="4">
      <t>ザツ</t>
    </rPh>
    <rPh sb="4" eb="5">
      <t>シュウ</t>
    </rPh>
    <phoneticPr fontId="8"/>
  </si>
  <si>
    <t>広告収入、私用光熱水費に係る収入等</t>
    <rPh sb="0" eb="2">
      <t>コウコク</t>
    </rPh>
    <rPh sb="2" eb="4">
      <t>シュウニュウ</t>
    </rPh>
    <rPh sb="5" eb="7">
      <t>シヨウ</t>
    </rPh>
    <rPh sb="12" eb="13">
      <t>カカ</t>
    </rPh>
    <rPh sb="14" eb="16">
      <t>シュウニュウ</t>
    </rPh>
    <phoneticPr fontId="8"/>
  </si>
  <si>
    <t>歳入合計</t>
    <rPh sb="0" eb="2">
      <t>サイニュウ</t>
    </rPh>
    <rPh sb="2" eb="4">
      <t>ゴウケイ</t>
    </rPh>
    <phoneticPr fontId="8"/>
  </si>
  <si>
    <t>所属名　天王寺区役所</t>
    <rPh sb="0" eb="2">
      <t>ショゾク</t>
    </rPh>
    <rPh sb="2" eb="3">
      <t>メイ</t>
    </rPh>
    <rPh sb="4" eb="8">
      <t>テンノウジク</t>
    </rPh>
    <rPh sb="8" eb="10">
      <t>ヤクショ</t>
    </rPh>
    <phoneticPr fontId="4"/>
  </si>
  <si>
    <t>予算②</t>
    <rPh sb="0" eb="2">
      <t>ヨサン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;&quot;△ &quot;#,##0"/>
  </numFmts>
  <fonts count="18">
    <font>
      <sz val="11"/>
      <color theme="1"/>
      <name val="游ゴシック"/>
      <family val="2"/>
      <charset val="128"/>
      <scheme val="minor"/>
    </font>
    <font>
      <sz val="10.5"/>
      <name val="明朝体"/>
      <family val="3"/>
      <charset val="128"/>
    </font>
    <font>
      <sz val="12"/>
      <name val="ＭＳ ゴシック"/>
      <family val="3"/>
      <charset val="128"/>
    </font>
    <font>
      <sz val="6"/>
      <name val="游ゴシック"/>
      <family val="2"/>
      <charset val="128"/>
      <scheme val="minor"/>
    </font>
    <font>
      <sz val="6"/>
      <name val="明朝体"/>
      <family val="3"/>
      <charset val="128"/>
    </font>
    <font>
      <sz val="10.5"/>
      <name val="ＭＳ ゴシック"/>
      <family val="3"/>
      <charset val="128"/>
    </font>
    <font>
      <sz val="10"/>
      <name val="ＭＳ ゴシック"/>
      <family val="3"/>
      <charset val="128"/>
    </font>
    <font>
      <sz val="11"/>
      <name val="ＭＳ ゴシック"/>
      <family val="3"/>
      <charset val="128"/>
    </font>
    <font>
      <sz val="6"/>
      <name val="游ゴシック"/>
      <family val="3"/>
      <charset val="128"/>
      <scheme val="minor"/>
    </font>
    <font>
      <u/>
      <sz val="10.5"/>
      <name val="ＭＳ ゴシック"/>
      <family val="3"/>
      <charset val="128"/>
    </font>
    <font>
      <sz val="9"/>
      <name val="ＭＳ ゴシック"/>
      <family val="3"/>
      <charset val="128"/>
    </font>
    <font>
      <b/>
      <sz val="11"/>
      <name val="ＭＳ ゴシック"/>
      <family val="3"/>
      <charset val="128"/>
    </font>
    <font>
      <b/>
      <sz val="10"/>
      <name val="ＭＳ 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color theme="1"/>
      <name val="游ゴシック"/>
      <family val="2"/>
      <scheme val="minor"/>
    </font>
    <font>
      <sz val="11"/>
      <color theme="1"/>
      <name val="ＭＳ ゴシック"/>
      <family val="3"/>
      <charset val="128"/>
    </font>
    <font>
      <u/>
      <sz val="1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9">
    <border>
      <left/>
      <right/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/>
      <right/>
      <top style="medium">
        <color auto="1"/>
      </top>
      <bottom/>
      <diagonal/>
    </border>
    <border>
      <left/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/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medium">
        <color indexed="64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/>
      <right style="medium">
        <color auto="1"/>
      </right>
      <top style="thin">
        <color auto="1"/>
      </top>
      <bottom style="medium">
        <color auto="1"/>
      </bottom>
      <diagonal/>
    </border>
    <border>
      <left/>
      <right style="medium">
        <color auto="1"/>
      </right>
      <top style="thin">
        <color auto="1"/>
      </top>
      <bottom/>
      <diagonal/>
    </border>
  </borders>
  <cellStyleXfs count="5">
    <xf numFmtId="0" fontId="0" fillId="0" borderId="0">
      <alignment vertical="center"/>
    </xf>
    <xf numFmtId="0" fontId="1" fillId="0" borderId="0"/>
    <xf numFmtId="38" fontId="13" fillId="0" borderId="0" applyFont="0" applyFill="0" applyBorder="0" applyAlignment="0" applyProtection="0"/>
    <xf numFmtId="0" fontId="13" fillId="0" borderId="0"/>
    <xf numFmtId="0" fontId="15" fillId="0" borderId="0"/>
  </cellStyleXfs>
  <cellXfs count="104">
    <xf numFmtId="0" fontId="0" fillId="0" borderId="0" xfId="0">
      <alignment vertical="center"/>
    </xf>
    <xf numFmtId="0" fontId="2" fillId="0" borderId="0" xfId="1" applyNumberFormat="1" applyFont="1" applyFill="1" applyAlignment="1">
      <alignment vertical="center"/>
    </xf>
    <xf numFmtId="49" fontId="5" fillId="0" borderId="0" xfId="1" applyNumberFormat="1" applyFont="1" applyFill="1" applyAlignment="1">
      <alignment vertical="center" wrapText="1"/>
    </xf>
    <xf numFmtId="0" fontId="2" fillId="0" borderId="0" xfId="1" applyNumberFormat="1" applyFont="1" applyFill="1" applyAlignment="1">
      <alignment vertical="center" wrapText="1"/>
    </xf>
    <xf numFmtId="0" fontId="2" fillId="0" borderId="0" xfId="1" applyNumberFormat="1" applyFont="1" applyFill="1" applyBorder="1" applyAlignment="1">
      <alignment horizontal="center" vertical="center" wrapText="1"/>
    </xf>
    <xf numFmtId="176" fontId="5" fillId="0" borderId="0" xfId="1" applyNumberFormat="1" applyFont="1" applyFill="1" applyAlignment="1">
      <alignment horizontal="center" vertical="center"/>
    </xf>
    <xf numFmtId="176" fontId="5" fillId="0" borderId="0" xfId="1" applyNumberFormat="1" applyFont="1" applyFill="1" applyAlignment="1">
      <alignment horizontal="right" vertical="center"/>
    </xf>
    <xf numFmtId="0" fontId="5" fillId="0" borderId="0" xfId="1" applyFont="1" applyFill="1" applyAlignment="1">
      <alignment horizontal="center" vertical="center"/>
    </xf>
    <xf numFmtId="0" fontId="5" fillId="0" borderId="0" xfId="1" applyFont="1" applyFill="1" applyAlignment="1">
      <alignment vertical="center"/>
    </xf>
    <xf numFmtId="0" fontId="5" fillId="0" borderId="0" xfId="1" applyFont="1" applyFill="1" applyAlignment="1">
      <alignment horizontal="left" vertical="center"/>
    </xf>
    <xf numFmtId="0" fontId="5" fillId="0" borderId="0" xfId="1" applyNumberFormat="1" applyFont="1" applyFill="1" applyAlignment="1">
      <alignment vertical="center"/>
    </xf>
    <xf numFmtId="0" fontId="5" fillId="0" borderId="0" xfId="1" applyNumberFormat="1" applyFont="1" applyFill="1" applyAlignment="1">
      <alignment vertical="center" wrapText="1"/>
    </xf>
    <xf numFmtId="0" fontId="5" fillId="0" borderId="0" xfId="1" applyNumberFormat="1" applyFont="1" applyFill="1" applyAlignment="1">
      <alignment horizontal="center" vertical="center" wrapText="1"/>
    </xf>
    <xf numFmtId="176" fontId="5" fillId="0" borderId="0" xfId="1" applyNumberFormat="1" applyFont="1" applyFill="1" applyAlignment="1">
      <alignment vertical="center"/>
    </xf>
    <xf numFmtId="0" fontId="6" fillId="0" borderId="0" xfId="1" applyFont="1" applyFill="1" applyAlignment="1">
      <alignment horizontal="left" vertical="center"/>
    </xf>
    <xf numFmtId="0" fontId="6" fillId="0" borderId="0" xfId="1" applyFont="1" applyFill="1" applyAlignment="1">
      <alignment vertical="center"/>
    </xf>
    <xf numFmtId="0" fontId="9" fillId="0" borderId="0" xfId="1" applyNumberFormat="1" applyFont="1" applyFill="1" applyAlignment="1">
      <alignment horizontal="left" vertical="center"/>
    </xf>
    <xf numFmtId="0" fontId="9" fillId="0" borderId="0" xfId="1" applyNumberFormat="1" applyFont="1" applyFill="1" applyAlignment="1">
      <alignment horizontal="left" vertical="center" wrapText="1"/>
    </xf>
    <xf numFmtId="0" fontId="9" fillId="0" borderId="0" xfId="1" applyNumberFormat="1" applyFont="1" applyFill="1" applyAlignment="1">
      <alignment horizontal="center" vertical="center" wrapText="1"/>
    </xf>
    <xf numFmtId="176" fontId="9" fillId="0" borderId="0" xfId="1" applyNumberFormat="1" applyFont="1" applyFill="1" applyAlignment="1">
      <alignment horizontal="left" vertical="center"/>
    </xf>
    <xf numFmtId="49" fontId="5" fillId="0" borderId="0" xfId="1" applyNumberFormat="1" applyFont="1" applyFill="1" applyAlignment="1">
      <alignment vertical="center"/>
    </xf>
    <xf numFmtId="0" fontId="5" fillId="0" borderId="0" xfId="1" applyFont="1" applyFill="1" applyAlignment="1">
      <alignment horizontal="center" vertical="center" wrapText="1"/>
    </xf>
    <xf numFmtId="0" fontId="10" fillId="0" borderId="0" xfId="1" applyNumberFormat="1" applyFont="1" applyFill="1" applyAlignment="1">
      <alignment horizontal="right" vertical="center"/>
    </xf>
    <xf numFmtId="0" fontId="10" fillId="0" borderId="0" xfId="1" applyNumberFormat="1" applyFont="1" applyFill="1" applyBorder="1" applyAlignment="1">
      <alignment horizontal="center" vertical="center"/>
    </xf>
    <xf numFmtId="0" fontId="5" fillId="0" borderId="0" xfId="1" applyFont="1" applyFill="1" applyBorder="1" applyAlignment="1">
      <alignment horizontal="center" vertical="center"/>
    </xf>
    <xf numFmtId="0" fontId="11" fillId="0" borderId="0" xfId="1" applyFont="1" applyFill="1" applyAlignment="1">
      <alignment horizontal="center" vertical="center" wrapText="1"/>
    </xf>
    <xf numFmtId="176" fontId="11" fillId="0" borderId="0" xfId="1" applyNumberFormat="1" applyFont="1" applyFill="1" applyBorder="1" applyAlignment="1">
      <alignment horizontal="right" vertical="center" wrapText="1"/>
    </xf>
    <xf numFmtId="176" fontId="7" fillId="0" borderId="0" xfId="1" applyNumberFormat="1" applyFont="1" applyFill="1" applyAlignment="1">
      <alignment horizontal="right" vertical="center"/>
    </xf>
    <xf numFmtId="0" fontId="12" fillId="0" borderId="0" xfId="1" applyFont="1" applyFill="1" applyAlignment="1">
      <alignment horizontal="left" vertical="center"/>
    </xf>
    <xf numFmtId="0" fontId="6" fillId="0" borderId="4" xfId="1" applyNumberFormat="1" applyFont="1" applyFill="1" applyBorder="1" applyAlignment="1">
      <alignment horizontal="center" vertical="center"/>
    </xf>
    <xf numFmtId="0" fontId="5" fillId="0" borderId="8" xfId="1" applyNumberFormat="1" applyFont="1" applyFill="1" applyBorder="1" applyAlignment="1">
      <alignment horizontal="center" vertical="center"/>
    </xf>
    <xf numFmtId="176" fontId="5" fillId="0" borderId="8" xfId="1" applyNumberFormat="1" applyFont="1" applyFill="1" applyBorder="1" applyAlignment="1">
      <alignment horizontal="center" vertical="center"/>
    </xf>
    <xf numFmtId="0" fontId="5" fillId="0" borderId="0" xfId="1" applyNumberFormat="1" applyFont="1" applyFill="1" applyBorder="1" applyAlignment="1">
      <alignment horizontal="center" vertical="center"/>
    </xf>
    <xf numFmtId="0" fontId="6" fillId="0" borderId="10" xfId="1" applyNumberFormat="1" applyFont="1" applyFill="1" applyBorder="1" applyAlignment="1">
      <alignment horizontal="center" vertical="center"/>
    </xf>
    <xf numFmtId="0" fontId="5" fillId="0" borderId="14" xfId="1" applyNumberFormat="1" applyFont="1" applyFill="1" applyBorder="1" applyAlignment="1">
      <alignment horizontal="center" vertical="center"/>
    </xf>
    <xf numFmtId="176" fontId="5" fillId="0" borderId="14" xfId="1" applyNumberFormat="1" applyFont="1" applyFill="1" applyBorder="1" applyAlignment="1">
      <alignment horizontal="center" vertical="center"/>
    </xf>
    <xf numFmtId="0" fontId="6" fillId="0" borderId="16" xfId="1" applyNumberFormat="1" applyFont="1" applyFill="1" applyBorder="1" applyAlignment="1">
      <alignment horizontal="center" vertical="center" shrinkToFit="1"/>
    </xf>
    <xf numFmtId="38" fontId="6" fillId="0" borderId="20" xfId="2" applyFont="1" applyFill="1" applyBorder="1" applyAlignment="1">
      <alignment horizontal="left" vertical="center" wrapText="1"/>
    </xf>
    <xf numFmtId="176" fontId="5" fillId="0" borderId="20" xfId="1" applyNumberFormat="1" applyFont="1" applyFill="1" applyBorder="1" applyAlignment="1">
      <alignment horizontal="right" vertical="center" shrinkToFit="1"/>
    </xf>
    <xf numFmtId="0" fontId="2" fillId="0" borderId="17" xfId="1" applyFont="1" applyFill="1" applyBorder="1" applyAlignment="1">
      <alignment horizontal="left" vertical="center"/>
    </xf>
    <xf numFmtId="176" fontId="6" fillId="0" borderId="21" xfId="1" applyNumberFormat="1" applyFont="1" applyFill="1" applyBorder="1" applyAlignment="1">
      <alignment horizontal="right" vertical="center" shrinkToFit="1"/>
    </xf>
    <xf numFmtId="0" fontId="5" fillId="0" borderId="0" xfId="1" applyFont="1" applyFill="1" applyBorder="1" applyAlignment="1">
      <alignment horizontal="left" vertical="center"/>
    </xf>
    <xf numFmtId="49" fontId="6" fillId="0" borderId="3" xfId="1" applyNumberFormat="1" applyFont="1" applyFill="1" applyBorder="1" applyAlignment="1">
      <alignment horizontal="center" vertical="center" wrapText="1"/>
    </xf>
    <xf numFmtId="0" fontId="6" fillId="0" borderId="21" xfId="3" applyFont="1" applyFill="1" applyBorder="1" applyAlignment="1">
      <alignment vertical="center"/>
    </xf>
    <xf numFmtId="49" fontId="6" fillId="0" borderId="22" xfId="1" applyNumberFormat="1" applyFont="1" applyFill="1" applyBorder="1" applyAlignment="1">
      <alignment horizontal="center" vertical="center" wrapText="1"/>
    </xf>
    <xf numFmtId="49" fontId="6" fillId="0" borderId="23" xfId="1" applyNumberFormat="1" applyFont="1" applyFill="1" applyBorder="1" applyAlignment="1">
      <alignment horizontal="center" vertical="center" wrapText="1"/>
    </xf>
    <xf numFmtId="0" fontId="6" fillId="0" borderId="20" xfId="1" applyNumberFormat="1" applyFont="1" applyFill="1" applyBorder="1" applyAlignment="1">
      <alignment horizontal="left" vertical="center" wrapText="1"/>
    </xf>
    <xf numFmtId="49" fontId="6" fillId="0" borderId="20" xfId="1" applyNumberFormat="1" applyFont="1" applyFill="1" applyBorder="1" applyAlignment="1">
      <alignment vertical="center" wrapText="1"/>
    </xf>
    <xf numFmtId="0" fontId="6" fillId="0" borderId="14" xfId="1" applyNumberFormat="1" applyFont="1" applyFill="1" applyBorder="1" applyAlignment="1">
      <alignment horizontal="left" vertical="center" wrapText="1"/>
    </xf>
    <xf numFmtId="176" fontId="5" fillId="0" borderId="14" xfId="1" applyNumberFormat="1" applyFont="1" applyFill="1" applyBorder="1" applyAlignment="1">
      <alignment horizontal="right" vertical="center" shrinkToFit="1"/>
    </xf>
    <xf numFmtId="0" fontId="2" fillId="0" borderId="11" xfId="1" applyFont="1" applyFill="1" applyBorder="1" applyAlignment="1">
      <alignment horizontal="left" vertical="center"/>
    </xf>
    <xf numFmtId="0" fontId="6" fillId="0" borderId="15" xfId="3" applyFont="1" applyFill="1" applyBorder="1" applyAlignment="1">
      <alignment vertical="center"/>
    </xf>
    <xf numFmtId="49" fontId="6" fillId="0" borderId="13" xfId="1" applyNumberFormat="1" applyFont="1" applyFill="1" applyBorder="1" applyAlignment="1">
      <alignment vertical="center" wrapText="1"/>
    </xf>
    <xf numFmtId="49" fontId="6" fillId="0" borderId="19" xfId="1" applyNumberFormat="1" applyFont="1" applyFill="1" applyBorder="1" applyAlignment="1">
      <alignment vertical="center" wrapText="1"/>
    </xf>
    <xf numFmtId="176" fontId="5" fillId="0" borderId="26" xfId="1" applyNumberFormat="1" applyFont="1" applyFill="1" applyBorder="1" applyAlignment="1">
      <alignment horizontal="right" vertical="center" shrinkToFit="1"/>
    </xf>
    <xf numFmtId="0" fontId="2" fillId="0" borderId="25" xfId="1" applyFont="1" applyFill="1" applyBorder="1" applyAlignment="1">
      <alignment horizontal="left" vertical="center"/>
    </xf>
    <xf numFmtId="0" fontId="6" fillId="0" borderId="26" xfId="1" applyNumberFormat="1" applyFont="1" applyFill="1" applyBorder="1" applyAlignment="1">
      <alignment horizontal="left" vertical="center" wrapText="1"/>
    </xf>
    <xf numFmtId="176" fontId="5" fillId="0" borderId="25" xfId="1" applyNumberFormat="1" applyFont="1" applyFill="1" applyBorder="1" applyAlignment="1">
      <alignment horizontal="right" vertical="center" shrinkToFit="1"/>
    </xf>
    <xf numFmtId="0" fontId="6" fillId="0" borderId="27" xfId="3" applyFont="1" applyFill="1" applyBorder="1" applyAlignment="1">
      <alignment vertical="center"/>
    </xf>
    <xf numFmtId="0" fontId="6" fillId="0" borderId="0" xfId="1" applyNumberFormat="1" applyFont="1" applyFill="1" applyBorder="1" applyAlignment="1">
      <alignment horizontal="center" vertical="center"/>
    </xf>
    <xf numFmtId="0" fontId="6" fillId="0" borderId="0" xfId="1" applyNumberFormat="1" applyFont="1" applyFill="1" applyBorder="1" applyAlignment="1">
      <alignment horizontal="left" vertical="center" wrapText="1"/>
    </xf>
    <xf numFmtId="176" fontId="5" fillId="0" borderId="0" xfId="1" applyNumberFormat="1" applyFont="1" applyFill="1" applyBorder="1" applyAlignment="1">
      <alignment horizontal="right" vertical="center" shrinkToFit="1"/>
    </xf>
    <xf numFmtId="0" fontId="2" fillId="0" borderId="0" xfId="1" applyFont="1" applyFill="1" applyBorder="1" applyAlignment="1">
      <alignment horizontal="left" vertical="center"/>
    </xf>
    <xf numFmtId="0" fontId="6" fillId="0" borderId="0" xfId="3" applyFont="1" applyFill="1" applyBorder="1" applyAlignment="1">
      <alignment vertical="center"/>
    </xf>
    <xf numFmtId="49" fontId="5" fillId="0" borderId="0" xfId="1" applyNumberFormat="1" applyFont="1" applyFill="1" applyBorder="1" applyAlignment="1">
      <alignment vertical="center"/>
    </xf>
    <xf numFmtId="0" fontId="16" fillId="0" borderId="0" xfId="4" applyFont="1" applyFill="1" applyAlignment="1">
      <alignment vertical="top"/>
    </xf>
    <xf numFmtId="0" fontId="16" fillId="0" borderId="0" xfId="4" applyFont="1" applyFill="1"/>
    <xf numFmtId="0" fontId="6" fillId="0" borderId="0" xfId="1" applyFont="1" applyFill="1" applyBorder="1" applyAlignment="1">
      <alignment horizontal="left" vertical="center"/>
    </xf>
    <xf numFmtId="0" fontId="6" fillId="0" borderId="0" xfId="1" applyFont="1" applyFill="1" applyBorder="1" applyAlignment="1">
      <alignment vertical="center"/>
    </xf>
    <xf numFmtId="0" fontId="5" fillId="0" borderId="0" xfId="1" applyFont="1" applyFill="1" applyBorder="1" applyAlignment="1">
      <alignment vertical="center"/>
    </xf>
    <xf numFmtId="0" fontId="5" fillId="0" borderId="0" xfId="1" applyNumberFormat="1" applyFont="1" applyFill="1" applyBorder="1" applyAlignment="1">
      <alignment horizontal="center" vertical="center" wrapText="1"/>
    </xf>
    <xf numFmtId="176" fontId="5" fillId="0" borderId="0" xfId="1" applyNumberFormat="1" applyFont="1" applyFill="1" applyAlignment="1">
      <alignment horizontal="left" vertical="center"/>
    </xf>
    <xf numFmtId="176" fontId="5" fillId="0" borderId="0" xfId="1" applyNumberFormat="1" applyFont="1" applyFill="1" applyBorder="1" applyAlignment="1">
      <alignment horizontal="center" vertical="center"/>
    </xf>
    <xf numFmtId="176" fontId="5" fillId="0" borderId="0" xfId="1" applyNumberFormat="1" applyFont="1" applyFill="1" applyBorder="1" applyAlignment="1">
      <alignment vertical="center"/>
    </xf>
    <xf numFmtId="38" fontId="6" fillId="0" borderId="23" xfId="2" applyFont="1" applyFill="1" applyBorder="1" applyAlignment="1">
      <alignment horizontal="left" vertical="center" wrapText="1"/>
    </xf>
    <xf numFmtId="176" fontId="5" fillId="0" borderId="23" xfId="1" applyNumberFormat="1" applyFont="1" applyFill="1" applyBorder="1" applyAlignment="1">
      <alignment horizontal="right" vertical="center" shrinkToFit="1"/>
    </xf>
    <xf numFmtId="0" fontId="2" fillId="0" borderId="1" xfId="1" applyFont="1" applyFill="1" applyBorder="1" applyAlignment="1">
      <alignment horizontal="left" vertical="center"/>
    </xf>
    <xf numFmtId="176" fontId="6" fillId="0" borderId="28" xfId="1" applyNumberFormat="1" applyFont="1" applyFill="1" applyBorder="1" applyAlignment="1">
      <alignment horizontal="right" vertical="center" shrinkToFit="1"/>
    </xf>
    <xf numFmtId="49" fontId="6" fillId="0" borderId="14" xfId="1" applyNumberFormat="1" applyFont="1" applyFill="1" applyBorder="1" applyAlignment="1">
      <alignment horizontal="center" vertical="center" wrapText="1"/>
    </xf>
    <xf numFmtId="0" fontId="17" fillId="0" borderId="0" xfId="1" applyNumberFormat="1" applyFont="1" applyFill="1" applyAlignment="1">
      <alignment horizontal="right" vertical="center"/>
    </xf>
    <xf numFmtId="49" fontId="6" fillId="0" borderId="17" xfId="1" applyNumberFormat="1" applyFont="1" applyFill="1" applyBorder="1" applyAlignment="1">
      <alignment vertical="center" wrapText="1"/>
    </xf>
    <xf numFmtId="49" fontId="6" fillId="0" borderId="19" xfId="1" applyNumberFormat="1" applyFont="1" applyFill="1" applyBorder="1" applyAlignment="1">
      <alignment vertical="center" wrapText="1"/>
    </xf>
    <xf numFmtId="0" fontId="6" fillId="0" borderId="24" xfId="1" applyNumberFormat="1" applyFont="1" applyFill="1" applyBorder="1" applyAlignment="1">
      <alignment horizontal="center" vertical="center"/>
    </xf>
    <xf numFmtId="0" fontId="6" fillId="0" borderId="26" xfId="1" applyNumberFormat="1" applyFont="1" applyFill="1" applyBorder="1" applyAlignment="1">
      <alignment horizontal="center" vertical="center"/>
    </xf>
    <xf numFmtId="49" fontId="6" fillId="0" borderId="18" xfId="1" applyNumberFormat="1" applyFont="1" applyFill="1" applyBorder="1" applyAlignment="1">
      <alignment vertical="center" wrapText="1"/>
    </xf>
    <xf numFmtId="49" fontId="6" fillId="0" borderId="1" xfId="1" applyNumberFormat="1" applyFont="1" applyFill="1" applyBorder="1" applyAlignment="1">
      <alignment vertical="center" wrapText="1"/>
    </xf>
    <xf numFmtId="49" fontId="6" fillId="0" borderId="2" xfId="1" applyNumberFormat="1" applyFont="1" applyFill="1" applyBorder="1" applyAlignment="1">
      <alignment vertical="center" wrapText="1"/>
    </xf>
    <xf numFmtId="49" fontId="6" fillId="0" borderId="3" xfId="1" applyNumberFormat="1" applyFont="1" applyFill="1" applyBorder="1" applyAlignment="1">
      <alignment vertical="center" wrapText="1"/>
    </xf>
    <xf numFmtId="49" fontId="6" fillId="0" borderId="11" xfId="1" applyNumberFormat="1" applyFont="1" applyFill="1" applyBorder="1" applyAlignment="1">
      <alignment vertical="center" wrapText="1"/>
    </xf>
    <xf numFmtId="49" fontId="6" fillId="0" borderId="13" xfId="1" applyNumberFormat="1" applyFont="1" applyFill="1" applyBorder="1" applyAlignment="1">
      <alignment vertical="center" wrapText="1"/>
    </xf>
    <xf numFmtId="0" fontId="6" fillId="0" borderId="0" xfId="1" applyFont="1" applyFill="1" applyAlignment="1">
      <alignment horizontal="right" vertical="center"/>
    </xf>
    <xf numFmtId="0" fontId="10" fillId="0" borderId="0" xfId="1" applyNumberFormat="1" applyFont="1" applyFill="1" applyBorder="1" applyAlignment="1">
      <alignment horizontal="right" vertical="center" wrapText="1"/>
    </xf>
    <xf numFmtId="49" fontId="6" fillId="0" borderId="5" xfId="1" applyNumberFormat="1" applyFont="1" applyFill="1" applyBorder="1" applyAlignment="1">
      <alignment horizontal="distributed" vertical="center" wrapText="1" justifyLastLine="1"/>
    </xf>
    <xf numFmtId="49" fontId="6" fillId="0" borderId="6" xfId="1" applyNumberFormat="1" applyFont="1" applyFill="1" applyBorder="1" applyAlignment="1">
      <alignment horizontal="distributed" vertical="center" wrapText="1" justifyLastLine="1"/>
    </xf>
    <xf numFmtId="49" fontId="6" fillId="0" borderId="7" xfId="1" applyNumberFormat="1" applyFont="1" applyFill="1" applyBorder="1" applyAlignment="1">
      <alignment horizontal="distributed" vertical="center" wrapText="1" justifyLastLine="1"/>
    </xf>
    <xf numFmtId="49" fontId="6" fillId="0" borderId="11" xfId="1" applyNumberFormat="1" applyFont="1" applyFill="1" applyBorder="1" applyAlignment="1">
      <alignment horizontal="distributed" vertical="center" wrapText="1" justifyLastLine="1"/>
    </xf>
    <xf numFmtId="49" fontId="6" fillId="0" borderId="12" xfId="1" applyNumberFormat="1" applyFont="1" applyFill="1" applyBorder="1" applyAlignment="1">
      <alignment horizontal="distributed" vertical="center" wrapText="1" justifyLastLine="1"/>
    </xf>
    <xf numFmtId="49" fontId="6" fillId="0" borderId="13" xfId="1" applyNumberFormat="1" applyFont="1" applyFill="1" applyBorder="1" applyAlignment="1">
      <alignment horizontal="distributed" vertical="center" wrapText="1" justifyLastLine="1"/>
    </xf>
    <xf numFmtId="0" fontId="6" fillId="0" borderId="8" xfId="1" applyNumberFormat="1" applyFont="1" applyFill="1" applyBorder="1" applyAlignment="1">
      <alignment horizontal="distributed" vertical="center" wrapText="1" justifyLastLine="1"/>
    </xf>
    <xf numFmtId="0" fontId="6" fillId="0" borderId="14" xfId="1" applyNumberFormat="1" applyFont="1" applyFill="1" applyBorder="1" applyAlignment="1">
      <alignment horizontal="distributed" vertical="center" wrapText="1" justifyLastLine="1"/>
    </xf>
    <xf numFmtId="0" fontId="6" fillId="0" borderId="5" xfId="1" applyNumberFormat="1" applyFont="1" applyFill="1" applyBorder="1" applyAlignment="1">
      <alignment horizontal="distributed" vertical="center" justifyLastLine="1"/>
    </xf>
    <xf numFmtId="0" fontId="6" fillId="0" borderId="9" xfId="1" applyNumberFormat="1" applyFont="1" applyFill="1" applyBorder="1" applyAlignment="1">
      <alignment horizontal="distributed" vertical="center" justifyLastLine="1"/>
    </xf>
    <xf numFmtId="0" fontId="6" fillId="0" borderId="11" xfId="1" applyNumberFormat="1" applyFont="1" applyFill="1" applyBorder="1" applyAlignment="1">
      <alignment horizontal="distributed" vertical="center" justifyLastLine="1"/>
    </xf>
    <xf numFmtId="0" fontId="6" fillId="0" borderId="15" xfId="1" applyNumberFormat="1" applyFont="1" applyFill="1" applyBorder="1" applyAlignment="1">
      <alignment horizontal="distributed" vertical="center" justifyLastLine="1"/>
    </xf>
  </cellXfs>
  <cellStyles count="5">
    <cellStyle name="桁区切り 2 2 2" xfId="2"/>
    <cellStyle name="標準" xfId="0" builtinId="0"/>
    <cellStyle name="標準 2" xfId="3"/>
    <cellStyle name="標準 4" xfId="4"/>
    <cellStyle name="標準_③予算事業別調書(目次様式) 2" xfId="1"/>
  </cellStyles>
  <dxfs count="17"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externalLink" Target="externalLinks/externalLink2.xml"/><Relationship Id="rId7" Type="http://schemas.openxmlformats.org/officeDocument/2006/relationships/styles" Target="styles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4.xml"/><Relationship Id="rId4" Type="http://schemas.openxmlformats.org/officeDocument/2006/relationships/externalLink" Target="externalLinks/externalLink3.xml"/><Relationship Id="rId9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&#25351;&#23450;&#32113;&#35336;\00%20&#35211;&#31309;\03_&#38283;&#30330;&#12473;&#12465;&#12472;&#12517;&#12540;&#12523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ogsworth\Traffic%20Home\2-2\&#38283;&#30330;&#38917;&#30446;\&#20491;&#21029;\&#23450;&#28857;&#20998;&#26512;\&#23450;&#28857;&#65318;&#20181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Users\i4250003\AppData\Local\Microsoft\Windows\Temporary%20Internet%20Files\Content.Outlook\E6ZMVT07\&#22243;&#20307;&#26989;&#32318;&#35413;&#20385;\&#9733;&#9734;&#9733;&#22806;&#37101;&#22243;&#20307;&#26989;&#32318;&#35413;&#20385;&#12471;&#12540;&#12488;&#65288;&#26666;&#24335;&#65289;H22&#12304;&#27096;&#24335;&#12305;(version6)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ti0001$\Users\i9753250\AppData\Local\Microsoft\Windows\Temporary%20Internet%20Files\Content.Outlook\1QBG7IYA\&#20104;&#31639;&#32232;&#25104;&#36890;&#30693;&#27096;&#24335;&#65288;&#12481;&#12455;&#12483;&#12463;&#12471;&#12540;&#12488;&#65289;&#65288;&#26368;&#32066;&#29256;&#65289;%20(2)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基本情報"/>
      <sheetName val="大日程"/>
      <sheetName val="年間日程"/>
      <sheetName val="中日程"/>
      <sheetName val="小日程"/>
      <sheetName val="TABLE"/>
      <sheetName val="03_開発スケジュール"/>
      <sheetName val="#REF"/>
      <sheetName val="RAK01AD"/>
      <sheetName val="ワーク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AK01AD"/>
      <sheetName val="RAK01AT"/>
      <sheetName val="RAK01AE"/>
      <sheetName val="RAK02DT"/>
      <sheetName val="RAK02DD"/>
      <sheetName val="RAK02DE"/>
      <sheetName val="RAK03DT"/>
      <sheetName val="RAK03DD"/>
      <sheetName val="RAK03DE"/>
      <sheetName val="RAK04DT"/>
      <sheetName val="RAK04DD"/>
      <sheetName val="RAK04DE"/>
      <sheetName val="RAK05DT"/>
      <sheetName val="RAK05DD"/>
      <sheetName val="RAK05DE"/>
      <sheetName val="RAK06DT"/>
      <sheetName val="RAK06DD"/>
      <sheetName val="RAK06DE"/>
      <sheetName val="RAK07DT"/>
      <sheetName val="RAK07DD"/>
      <sheetName val="RAK07DE"/>
      <sheetName val="RAK08DT"/>
      <sheetName val="RAK08DD"/>
      <sheetName val="RAK08DE"/>
      <sheetName val="RAK09AT"/>
      <sheetName val="RAK09AD"/>
      <sheetName val="RAK09AE"/>
      <sheetName val="RAK10AT"/>
      <sheetName val="RAK10AD"/>
      <sheetName val="RAK10AE"/>
      <sheetName val="RAK11AT"/>
      <sheetName val="RAK11AD"/>
      <sheetName val="RAK11AE"/>
      <sheetName val="RAK12AT"/>
      <sheetName val="RAK12AD"/>
      <sheetName val="RAK12AE"/>
      <sheetName val="RAK13AT"/>
      <sheetName val="RAK13AD"/>
      <sheetName val="RAK13AE"/>
      <sheetName val="RAK14AT"/>
      <sheetName val="RAK14AD"/>
      <sheetName val="RAK14AE"/>
      <sheetName val="RAK15AT"/>
      <sheetName val="RAK15AD"/>
      <sheetName val="RAK15AE"/>
      <sheetName val="RAK16AT"/>
      <sheetName val="RAK16AD"/>
      <sheetName val="RAK16AE"/>
      <sheetName val="RAK17AT"/>
      <sheetName val="RAK17AD"/>
      <sheetName val="RAK17AE"/>
      <sheetName val="RAK18AT"/>
      <sheetName val="RAK18AD"/>
      <sheetName val="RAK18AE"/>
      <sheetName val="RAK19AT"/>
      <sheetName val="RAK19AD"/>
      <sheetName val="RAK19AE"/>
      <sheetName val="RAK20AT"/>
      <sheetName val="RAK20AD"/>
      <sheetName val="RAK20AE"/>
      <sheetName val="RAK21AT"/>
      <sheetName val="RAK21AD"/>
      <sheetName val="RAK21AE"/>
      <sheetName val="RAK22AT"/>
      <sheetName val="RAK22AD"/>
      <sheetName val="RAK22AE"/>
    </sheetNames>
    <sheetDataSet>
      <sheetData sheetId="0" refreshError="1">
        <row r="9">
          <cell r="B9">
            <v>1</v>
          </cell>
        </row>
        <row r="10">
          <cell r="B10">
            <v>2</v>
          </cell>
        </row>
        <row r="11">
          <cell r="B11">
            <v>3</v>
          </cell>
        </row>
        <row r="12">
          <cell r="B12">
            <v>4</v>
          </cell>
        </row>
        <row r="13">
          <cell r="B13">
            <v>5</v>
          </cell>
        </row>
        <row r="14">
          <cell r="B14">
            <v>6</v>
          </cell>
        </row>
        <row r="15">
          <cell r="B15">
            <v>7</v>
          </cell>
        </row>
        <row r="16">
          <cell r="B16">
            <v>8</v>
          </cell>
        </row>
        <row r="17">
          <cell r="B17">
            <v>9</v>
          </cell>
        </row>
        <row r="18">
          <cell r="B18">
            <v>10</v>
          </cell>
        </row>
        <row r="19">
          <cell r="B19">
            <v>11</v>
          </cell>
        </row>
        <row r="20">
          <cell r="B20">
            <v>12</v>
          </cell>
        </row>
        <row r="21">
          <cell r="B21">
            <v>13</v>
          </cell>
        </row>
        <row r="22">
          <cell r="B22">
            <v>14</v>
          </cell>
        </row>
        <row r="23">
          <cell r="B23">
            <v>15</v>
          </cell>
        </row>
        <row r="24">
          <cell r="B24">
            <v>16</v>
          </cell>
        </row>
        <row r="25">
          <cell r="B25">
            <v>17</v>
          </cell>
        </row>
        <row r="26">
          <cell r="B26">
            <v>18</v>
          </cell>
        </row>
        <row r="27">
          <cell r="B27">
            <v>19</v>
          </cell>
        </row>
        <row r="28">
          <cell r="B28">
            <v>20</v>
          </cell>
        </row>
        <row r="29">
          <cell r="B29">
            <v>21</v>
          </cell>
        </row>
        <row r="30">
          <cell r="B30">
            <v>22</v>
          </cell>
        </row>
        <row r="31">
          <cell r="B31">
            <v>23</v>
          </cell>
        </row>
        <row r="32">
          <cell r="B32">
            <v>24</v>
          </cell>
        </row>
        <row r="33">
          <cell r="B33">
            <v>25</v>
          </cell>
        </row>
        <row r="34">
          <cell r="B34">
            <v>26</v>
          </cell>
        </row>
        <row r="35">
          <cell r="B35">
            <v>27</v>
          </cell>
        </row>
        <row r="36">
          <cell r="B36">
            <v>28</v>
          </cell>
        </row>
        <row r="37">
          <cell r="B37">
            <v>29</v>
          </cell>
        </row>
        <row r="38">
          <cell r="B38">
            <v>30</v>
          </cell>
        </row>
        <row r="39">
          <cell r="B39">
            <v>31</v>
          </cell>
        </row>
        <row r="40">
          <cell r="B40">
            <v>32</v>
          </cell>
        </row>
        <row r="41">
          <cell r="B41">
            <v>33</v>
          </cell>
        </row>
        <row r="42">
          <cell r="B42">
            <v>34</v>
          </cell>
        </row>
        <row r="43">
          <cell r="B43">
            <v>35</v>
          </cell>
        </row>
        <row r="44">
          <cell r="B44">
            <v>36</v>
          </cell>
        </row>
        <row r="45">
          <cell r="B45">
            <v>37</v>
          </cell>
        </row>
        <row r="46">
          <cell r="B46">
            <v>38</v>
          </cell>
        </row>
        <row r="47">
          <cell r="B47">
            <v>39</v>
          </cell>
        </row>
        <row r="48">
          <cell r="B48">
            <v>40</v>
          </cell>
        </row>
        <row r="49">
          <cell r="B49">
            <v>41</v>
          </cell>
        </row>
        <row r="50">
          <cell r="B50">
            <v>42</v>
          </cell>
        </row>
        <row r="51">
          <cell r="B51">
            <v>43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データ"/>
      <sheetName val="★表紙"/>
      <sheetName val="★概要"/>
      <sheetName val="★（株）"/>
      <sheetName val="グラフ(株)"/>
      <sheetName val="★(財)"/>
      <sheetName val="グラフ(財)"/>
      <sheetName val="★(社福)"/>
      <sheetName val="グラフ(社福)"/>
      <sheetName val="★事業"/>
      <sheetName val="★評価"/>
      <sheetName val="人的（非）"/>
      <sheetName val="指標（非）(株)"/>
      <sheetName val="指標（非）(財)"/>
      <sheetName val="指標（内部）(社福)"/>
      <sheetName val="指標説明"/>
      <sheetName val="財務(非)"/>
      <sheetName val="★ (財)(正味)"/>
      <sheetName val="グラフ(財)(正味)"/>
    </sheetNames>
    <sheetDataSet>
      <sheetData sheetId="0">
        <row r="4">
          <cell r="B4" t="str">
            <v>(財)大阪国際交流センター</v>
          </cell>
        </row>
        <row r="5">
          <cell r="B5" t="str">
            <v>(財)大阪市女性協会</v>
          </cell>
        </row>
        <row r="6">
          <cell r="B6" t="str">
            <v>(財)アジア・太平洋人権情報センター</v>
          </cell>
        </row>
        <row r="7">
          <cell r="B7" t="str">
            <v>(株)大阪市開発公社</v>
          </cell>
        </row>
        <row r="8">
          <cell r="B8" t="str">
            <v>大阪市土地開発公社</v>
          </cell>
        </row>
        <row r="9">
          <cell r="B9" t="str">
            <v>(財)大阪市都市工学情報センター</v>
          </cell>
        </row>
        <row r="10">
          <cell r="B10" t="str">
            <v>(株)湊町開発センター</v>
          </cell>
        </row>
        <row r="11">
          <cell r="B11" t="str">
            <v>大阪外環状鉄道(株)</v>
          </cell>
        </row>
        <row r="12">
          <cell r="B12" t="str">
            <v>(社福)大阪社会医療センター</v>
          </cell>
        </row>
        <row r="13">
          <cell r="B13" t="str">
            <v>(財)大阪市環境保健協会</v>
          </cell>
        </row>
        <row r="14">
          <cell r="B14" t="str">
            <v>(財)大阪市救急医療事業団</v>
          </cell>
        </row>
        <row r="15">
          <cell r="B15" t="str">
            <v>(財)大阪市スポーツ・みどり振興協会</v>
          </cell>
        </row>
        <row r="16">
          <cell r="B16" t="str">
            <v>(財)大阪城ホール</v>
          </cell>
        </row>
        <row r="17">
          <cell r="B17" t="str">
            <v>(財)大阪二十一世紀協会</v>
          </cell>
        </row>
        <row r="18">
          <cell r="B18" t="str">
            <v>(財)大阪市博物館協会</v>
          </cell>
        </row>
        <row r="19">
          <cell r="B19" t="str">
            <v>(財)大阪科学振興協会</v>
          </cell>
        </row>
        <row r="20">
          <cell r="B20" t="str">
            <v>(財)大阪国際経済振興センター</v>
          </cell>
        </row>
        <row r="21">
          <cell r="B21" t="str">
            <v>大阪市信用保証協会</v>
          </cell>
        </row>
        <row r="22">
          <cell r="B22" t="str">
            <v>(株)大阪マーチャンダイズ・マート</v>
          </cell>
        </row>
        <row r="23">
          <cell r="B23" t="str">
            <v>アジア太平洋トレードセンター(株)</v>
          </cell>
        </row>
        <row r="24">
          <cell r="B24" t="str">
            <v>(株)大阪鶴見フラワーセンター</v>
          </cell>
        </row>
        <row r="25">
          <cell r="B25" t="str">
            <v>大阪市商業振興企画(株)</v>
          </cell>
        </row>
        <row r="26">
          <cell r="B26" t="str">
            <v>(公財)地球環境センター</v>
          </cell>
        </row>
        <row r="27">
          <cell r="B27" t="str">
            <v>(財)大阪市環境事業協会</v>
          </cell>
        </row>
        <row r="28">
          <cell r="B28" t="str">
            <v>大阪市住宅供給公社</v>
          </cell>
        </row>
        <row r="29">
          <cell r="B29" t="str">
            <v>(財)大阪市建築技術協会</v>
          </cell>
        </row>
        <row r="30">
          <cell r="B30" t="str">
            <v>(財)大阪市都市建設技術協会</v>
          </cell>
        </row>
        <row r="31">
          <cell r="B31" t="str">
            <v>大阪市街地開発(株)</v>
          </cell>
        </row>
        <row r="32">
          <cell r="B32" t="str">
            <v>大阪市道路公社</v>
          </cell>
        </row>
        <row r="33">
          <cell r="B33" t="str">
            <v>大阪地下街(株)</v>
          </cell>
        </row>
        <row r="34">
          <cell r="B34" t="str">
            <v>クリスタ長堀(株)</v>
          </cell>
        </row>
        <row r="35">
          <cell r="B35" t="str">
            <v>(財)大阪市下水道技術協会</v>
          </cell>
        </row>
        <row r="36">
          <cell r="B36" t="str">
            <v>(財)大阪港埠頭公社</v>
          </cell>
        </row>
        <row r="37">
          <cell r="B37" t="str">
            <v>大阪港埠頭ターミナル(株)</v>
          </cell>
        </row>
        <row r="38">
          <cell r="B38" t="str">
            <v>大阪港木材倉庫(株)</v>
          </cell>
        </row>
        <row r="39">
          <cell r="B39" t="str">
            <v>(株)大阪港トランスポートシステム</v>
          </cell>
        </row>
        <row r="40">
          <cell r="B40" t="str">
            <v>大阪ウォーターフロント開発(株)</v>
          </cell>
        </row>
        <row r="41">
          <cell r="B41" t="str">
            <v>(財)大阪市消防振興協会</v>
          </cell>
        </row>
        <row r="42">
          <cell r="B42" t="str">
            <v>交通サービス(株)</v>
          </cell>
        </row>
        <row r="43">
          <cell r="B43" t="str">
            <v>大阪運輸振興(株)</v>
          </cell>
        </row>
        <row r="44">
          <cell r="B44" t="str">
            <v>(株)大阪メトロサービス</v>
          </cell>
        </row>
        <row r="45">
          <cell r="B45" t="str">
            <v>(株)大阪水道総合サービス</v>
          </cell>
        </row>
        <row r="46">
          <cell r="B46" t="str">
            <v>(財)大阪市教育振興公社</v>
          </cell>
        </row>
        <row r="47">
          <cell r="B47" t="str">
            <v>(財)大阪国際平和センター</v>
          </cell>
        </row>
        <row r="48">
          <cell r="B48" t="str">
            <v>(公財)大阪府暴力追放推進センター</v>
          </cell>
        </row>
        <row r="49">
          <cell r="B49" t="str">
            <v>関西高速鉄道(株)</v>
          </cell>
        </row>
        <row r="50">
          <cell r="B50" t="str">
            <v>大阪国際空港ターミナル(株)</v>
          </cell>
        </row>
        <row r="51">
          <cell r="B51" t="str">
            <v>西大阪高速鉄道(株)</v>
          </cell>
        </row>
        <row r="52">
          <cell r="B52" t="str">
            <v>中之島高速鉄道(株)</v>
          </cell>
        </row>
        <row r="53">
          <cell r="B53" t="str">
            <v>(株)かんでんエルハート</v>
          </cell>
        </row>
        <row r="54">
          <cell r="B54" t="str">
            <v>(財)大阪観光コンベンション協会</v>
          </cell>
        </row>
        <row r="55">
          <cell r="B55" t="str">
            <v>(財)国際花と緑の博覧会記念協会</v>
          </cell>
        </row>
        <row r="56">
          <cell r="B56" t="str">
            <v>(財)大阪市農業センター</v>
          </cell>
        </row>
        <row r="57">
          <cell r="B57" t="str">
            <v>(社)大阪市人権協会</v>
          </cell>
        </row>
        <row r="58">
          <cell r="B58" t="str">
            <v>(財)大阪市民共済会</v>
          </cell>
        </row>
        <row r="59">
          <cell r="B59" t="str">
            <v>(社福)大阪市社会福祉協議会</v>
          </cell>
        </row>
        <row r="60">
          <cell r="B60" t="str">
            <v>(社福)みおつくし福祉会</v>
          </cell>
        </row>
        <row r="61">
          <cell r="B61" t="str">
            <v>(社福)大阪市障害者福祉・スポーツ協会</v>
          </cell>
        </row>
        <row r="62">
          <cell r="B62" t="str">
            <v>(財)大阪市身体障害者団体協議会</v>
          </cell>
        </row>
        <row r="63">
          <cell r="B63" t="str">
            <v>(社)大阪市老人クラブ連合会</v>
          </cell>
        </row>
        <row r="64">
          <cell r="B64" t="str">
            <v>(社)大阪生活衛生協会</v>
          </cell>
        </row>
        <row r="65">
          <cell r="B65" t="str">
            <v>(財)大阪バイオサイエンス研究所</v>
          </cell>
        </row>
        <row r="66">
          <cell r="B66" t="str">
            <v>(財)大阪市青少年活動協会</v>
          </cell>
        </row>
        <row r="67">
          <cell r="B67" t="str">
            <v>(財)大阪市中小企業勤労者福祉サービスセンター</v>
          </cell>
        </row>
        <row r="68">
          <cell r="B68" t="str">
            <v>(財)大阪市都市型産業振興センター</v>
          </cell>
        </row>
        <row r="69">
          <cell r="B69" t="str">
            <v>(公社)大阪港振興協会</v>
          </cell>
        </row>
        <row r="70">
          <cell r="B70" t="str">
            <v>(社)大阪市清港会</v>
          </cell>
        </row>
        <row r="71">
          <cell r="B71" t="str">
            <v>(財)大阪市学校給食協会</v>
          </cell>
        </row>
        <row r="72">
          <cell r="B72" t="str">
            <v>(社福)大阪市北区社会福祉協議会</v>
          </cell>
        </row>
        <row r="73">
          <cell r="B73" t="str">
            <v>(社福)大阪市都島区社会福祉協議会</v>
          </cell>
        </row>
        <row r="74">
          <cell r="B74" t="str">
            <v>(社福)大阪市福島区社会福祉協議会</v>
          </cell>
        </row>
        <row r="75">
          <cell r="B75" t="str">
            <v>(社福)大阪市此花区社会福祉協議会</v>
          </cell>
        </row>
        <row r="76">
          <cell r="B76" t="str">
            <v>(社福)大阪市中央区社会福祉協議会</v>
          </cell>
        </row>
        <row r="77">
          <cell r="B77" t="str">
            <v>(社福)大阪市西区社会福祉協議会</v>
          </cell>
        </row>
        <row r="78">
          <cell r="B78" t="str">
            <v>(社福)大阪市港区社会福祉協議会</v>
          </cell>
        </row>
        <row r="79">
          <cell r="B79" t="str">
            <v>(社福)大阪市大正区社会福祉協議会</v>
          </cell>
        </row>
        <row r="80">
          <cell r="B80" t="str">
            <v>(社福)大阪市天王寺区社会福祉協議会</v>
          </cell>
        </row>
        <row r="81">
          <cell r="B81" t="str">
            <v>(社福)大阪市浪速区社会福祉協議会</v>
          </cell>
        </row>
        <row r="82">
          <cell r="B82" t="str">
            <v>(社福)大阪市西淀川区社会福祉協議会</v>
          </cell>
        </row>
        <row r="83">
          <cell r="B83" t="str">
            <v>(社福)大阪市淀川区社会福祉協議会</v>
          </cell>
        </row>
        <row r="84">
          <cell r="B84" t="str">
            <v>(社福)大阪市東淀川区社会福祉協議会</v>
          </cell>
        </row>
        <row r="85">
          <cell r="B85" t="str">
            <v>(社福)大阪市東成区社会福祉協議会</v>
          </cell>
        </row>
        <row r="86">
          <cell r="B86" t="str">
            <v>(社福)大阪市生野区社会福祉協議会</v>
          </cell>
        </row>
        <row r="87">
          <cell r="B87" t="str">
            <v>(社福)大阪市旭区社会福祉協議会</v>
          </cell>
        </row>
        <row r="88">
          <cell r="B88" t="str">
            <v>(社福)大阪市城東区社会福祉協議会</v>
          </cell>
        </row>
        <row r="89">
          <cell r="B89" t="str">
            <v>(社福)大阪市鶴見区社会福祉協議会</v>
          </cell>
        </row>
        <row r="90">
          <cell r="B90" t="str">
            <v>(社福)大阪市阿倍野区社会福祉協議会</v>
          </cell>
        </row>
        <row r="91">
          <cell r="B91" t="str">
            <v>(社福)大阪市住之江区社会福祉協議会</v>
          </cell>
        </row>
        <row r="92">
          <cell r="B92" t="str">
            <v>(社福)大阪市住吉区社会福祉協議会</v>
          </cell>
        </row>
        <row r="93">
          <cell r="B93" t="str">
            <v>(社福)大阪市東住吉区社会福祉協議会</v>
          </cell>
        </row>
        <row r="94">
          <cell r="B94" t="str">
            <v>(社福)大阪市平野区社会福祉協議会</v>
          </cell>
        </row>
        <row r="95">
          <cell r="B95" t="str">
            <v>(社福)大阪市西成区社会福祉協議会</v>
          </cell>
        </row>
        <row r="96">
          <cell r="B96" t="str">
            <v>堂島地下街(株)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様式17～19(提出依頼)"/>
      <sheetName val="様式17(見直し一覧)"/>
      <sheetName val="様式18（見直しチェックシート）"/>
      <sheetName val="チェックシート記載要領"/>
      <sheetName val="見直しポイント"/>
      <sheetName val="様式19(新規補助金概要シート)"/>
      <sheetName val="新規概要シート記載要領"/>
    </sheetNames>
    <sheetDataSet>
      <sheetData sheetId="0"/>
      <sheetData sheetId="1">
        <row r="38">
          <cell r="A38" t="str">
            <v>1-1</v>
          </cell>
        </row>
        <row r="39">
          <cell r="A39" t="str">
            <v>1-2</v>
          </cell>
        </row>
        <row r="40">
          <cell r="A40" t="str">
            <v>1-3</v>
          </cell>
        </row>
        <row r="41">
          <cell r="A41" t="str">
            <v>1-4</v>
          </cell>
        </row>
        <row r="42">
          <cell r="A42" t="str">
            <v>1-5</v>
          </cell>
        </row>
        <row r="43">
          <cell r="A43">
            <v>2</v>
          </cell>
        </row>
        <row r="44">
          <cell r="A44" t="str">
            <v>3-1</v>
          </cell>
        </row>
        <row r="45">
          <cell r="A45" t="str">
            <v>3-2</v>
          </cell>
        </row>
        <row r="46">
          <cell r="A46" t="str">
            <v>3-3</v>
          </cell>
        </row>
        <row r="47">
          <cell r="A47">
            <v>4</v>
          </cell>
        </row>
      </sheetData>
      <sheetData sheetId="2">
        <row r="50">
          <cell r="S50" t="str">
            <v>□</v>
          </cell>
        </row>
      </sheetData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T38"/>
  <sheetViews>
    <sheetView tabSelected="1" view="pageBreakPreview" zoomScale="85" zoomScaleNormal="100" zoomScaleSheetLayoutView="85" workbookViewId="0">
      <pane ySplit="7" topLeftCell="A8" activePane="bottomLeft" state="frozen"/>
      <selection activeCell="H19" sqref="H19:K19"/>
      <selection pane="bottomLeft" activeCell="H8" sqref="H8"/>
    </sheetView>
  </sheetViews>
  <sheetFormatPr defaultColWidth="8.625" defaultRowHeight="18" customHeight="1" outlineLevelCol="1"/>
  <cols>
    <col min="1" max="1" width="3.75" style="20" customWidth="1"/>
    <col min="2" max="4" width="1.25" style="2" customWidth="1"/>
    <col min="5" max="5" width="25" style="2" customWidth="1"/>
    <col min="6" max="6" width="31.25" style="12" customWidth="1"/>
    <col min="7" max="8" width="11.25" style="5" customWidth="1"/>
    <col min="9" max="9" width="11.25" style="13" customWidth="1"/>
    <col min="10" max="10" width="5" style="14" customWidth="1"/>
    <col min="11" max="11" width="5" style="15" customWidth="1"/>
    <col min="12" max="12" width="3.875" style="7" customWidth="1" outlineLevel="1"/>
    <col min="13" max="13" width="4" style="7" customWidth="1" outlineLevel="1"/>
    <col min="14" max="14" width="3.875" style="7" customWidth="1" outlineLevel="1"/>
    <col min="15" max="15" width="3.25" style="7" customWidth="1" outlineLevel="1"/>
    <col min="16" max="16" width="5" style="7" customWidth="1" outlineLevel="1"/>
    <col min="17" max="18" width="8.625" style="8" hidden="1" customWidth="1"/>
    <col min="19" max="19" width="23.875" style="8" bestFit="1" customWidth="1"/>
    <col min="20" max="20" width="16.125" style="9" bestFit="1" customWidth="1"/>
    <col min="21" max="170" width="8.625" style="8" customWidth="1"/>
    <col min="171" max="16384" width="8.625" style="8"/>
  </cols>
  <sheetData>
    <row r="1" spans="1:20" ht="18" customHeight="1">
      <c r="A1" s="1" t="s">
        <v>0</v>
      </c>
      <c r="C1" s="3"/>
      <c r="D1" s="3"/>
      <c r="E1" s="3"/>
      <c r="F1" s="4"/>
      <c r="I1" s="6"/>
      <c r="J1" s="90"/>
      <c r="K1" s="90"/>
    </row>
    <row r="2" spans="1:20" ht="14.25" customHeight="1">
      <c r="A2" s="10"/>
      <c r="C2" s="11"/>
      <c r="D2" s="11"/>
      <c r="E2" s="11"/>
    </row>
    <row r="3" spans="1:20" ht="12.75">
      <c r="A3" s="16"/>
      <c r="C3" s="17"/>
      <c r="D3" s="17"/>
      <c r="E3" s="17"/>
      <c r="F3" s="18"/>
      <c r="I3" s="19"/>
    </row>
    <row r="4" spans="1:20" ht="15" customHeight="1">
      <c r="F4" s="21"/>
      <c r="G4" s="91"/>
      <c r="H4" s="91"/>
      <c r="I4" s="22"/>
      <c r="K4" s="79" t="s">
        <v>36</v>
      </c>
      <c r="L4" s="23"/>
      <c r="M4" s="23"/>
      <c r="N4" s="23"/>
      <c r="O4" s="24"/>
    </row>
    <row r="5" spans="1:20" ht="27.75" customHeight="1" thickBot="1">
      <c r="F5" s="25"/>
      <c r="G5" s="26"/>
      <c r="H5" s="26"/>
      <c r="I5" s="27"/>
      <c r="J5" s="28"/>
      <c r="K5" s="22" t="s">
        <v>1</v>
      </c>
      <c r="L5" s="23"/>
      <c r="M5" s="23"/>
      <c r="N5" s="23"/>
      <c r="O5" s="24"/>
    </row>
    <row r="6" spans="1:20" ht="15" customHeight="1">
      <c r="A6" s="29" t="s">
        <v>2</v>
      </c>
      <c r="B6" s="92" t="s">
        <v>3</v>
      </c>
      <c r="C6" s="93"/>
      <c r="D6" s="93"/>
      <c r="E6" s="94"/>
      <c r="F6" s="98" t="s">
        <v>4</v>
      </c>
      <c r="G6" s="30" t="s">
        <v>5</v>
      </c>
      <c r="H6" s="30" t="s">
        <v>6</v>
      </c>
      <c r="I6" s="31" t="s">
        <v>7</v>
      </c>
      <c r="J6" s="100" t="s">
        <v>8</v>
      </c>
      <c r="K6" s="101"/>
      <c r="L6" s="32"/>
      <c r="M6" s="32"/>
      <c r="N6" s="32"/>
      <c r="O6" s="24"/>
      <c r="P6" s="24"/>
    </row>
    <row r="7" spans="1:20" ht="15" customHeight="1">
      <c r="A7" s="33" t="s">
        <v>9</v>
      </c>
      <c r="B7" s="95"/>
      <c r="C7" s="96"/>
      <c r="D7" s="96"/>
      <c r="E7" s="97"/>
      <c r="F7" s="99"/>
      <c r="G7" s="34" t="s">
        <v>10</v>
      </c>
      <c r="H7" s="34" t="s">
        <v>37</v>
      </c>
      <c r="I7" s="35" t="s">
        <v>11</v>
      </c>
      <c r="J7" s="102"/>
      <c r="K7" s="103"/>
      <c r="L7" s="32"/>
      <c r="M7" s="32"/>
      <c r="N7" s="32"/>
      <c r="O7" s="24"/>
      <c r="P7" s="24"/>
    </row>
    <row r="8" spans="1:20" ht="27.75" customHeight="1">
      <c r="A8" s="36">
        <v>1</v>
      </c>
      <c r="B8" s="80" t="s">
        <v>12</v>
      </c>
      <c r="C8" s="84"/>
      <c r="D8" s="84"/>
      <c r="E8" s="81"/>
      <c r="F8" s="37"/>
      <c r="G8" s="38">
        <v>8768</v>
      </c>
      <c r="H8" s="38">
        <v>7897</v>
      </c>
      <c r="I8" s="38">
        <f t="shared" ref="I8:I28" si="0">+H8-G8</f>
        <v>-871</v>
      </c>
      <c r="J8" s="39"/>
      <c r="K8" s="40"/>
      <c r="L8" s="24"/>
      <c r="M8" s="24"/>
      <c r="N8" s="24"/>
      <c r="O8" s="24"/>
      <c r="P8" s="24"/>
      <c r="T8" s="41"/>
    </row>
    <row r="9" spans="1:20" ht="27.75" customHeight="1">
      <c r="A9" s="36">
        <v>2</v>
      </c>
      <c r="B9" s="42"/>
      <c r="C9" s="80" t="s">
        <v>13</v>
      </c>
      <c r="D9" s="84"/>
      <c r="E9" s="81"/>
      <c r="F9" s="37"/>
      <c r="G9" s="38">
        <v>8768</v>
      </c>
      <c r="H9" s="38">
        <v>7897</v>
      </c>
      <c r="I9" s="38">
        <f t="shared" si="0"/>
        <v>-871</v>
      </c>
      <c r="J9" s="39"/>
      <c r="K9" s="43"/>
      <c r="L9" s="24"/>
      <c r="M9" s="24"/>
      <c r="N9" s="24"/>
      <c r="O9" s="24"/>
      <c r="P9" s="24"/>
      <c r="T9" s="41"/>
    </row>
    <row r="10" spans="1:20" ht="27.75" customHeight="1">
      <c r="A10" s="36">
        <v>3</v>
      </c>
      <c r="B10" s="44"/>
      <c r="C10" s="45"/>
      <c r="D10" s="80" t="s">
        <v>14</v>
      </c>
      <c r="E10" s="81"/>
      <c r="F10" s="46"/>
      <c r="G10" s="38">
        <v>8768</v>
      </c>
      <c r="H10" s="38">
        <v>7897</v>
      </c>
      <c r="I10" s="38">
        <f t="shared" si="0"/>
        <v>-871</v>
      </c>
      <c r="J10" s="39"/>
      <c r="K10" s="43"/>
      <c r="L10" s="24"/>
      <c r="M10" s="24"/>
      <c r="N10" s="24"/>
      <c r="O10" s="24"/>
      <c r="P10" s="24"/>
      <c r="T10" s="41"/>
    </row>
    <row r="11" spans="1:20" ht="27.75" customHeight="1">
      <c r="A11" s="36">
        <v>4</v>
      </c>
      <c r="B11" s="44"/>
      <c r="C11" s="44"/>
      <c r="D11" s="44"/>
      <c r="E11" s="47" t="s">
        <v>15</v>
      </c>
      <c r="F11" s="46" t="s">
        <v>16</v>
      </c>
      <c r="G11" s="38">
        <v>8768</v>
      </c>
      <c r="H11" s="38">
        <v>7897</v>
      </c>
      <c r="I11" s="38">
        <f t="shared" si="0"/>
        <v>-871</v>
      </c>
      <c r="J11" s="39"/>
      <c r="K11" s="43"/>
      <c r="L11" s="24"/>
      <c r="M11" s="24"/>
      <c r="N11" s="24"/>
      <c r="O11" s="24"/>
      <c r="P11" s="24"/>
      <c r="T11" s="41"/>
    </row>
    <row r="12" spans="1:20" ht="27.75" customHeight="1">
      <c r="A12" s="36">
        <v>5</v>
      </c>
      <c r="B12" s="80" t="s">
        <v>17</v>
      </c>
      <c r="C12" s="84"/>
      <c r="D12" s="84"/>
      <c r="E12" s="81"/>
      <c r="F12" s="37"/>
      <c r="G12" s="38">
        <v>642</v>
      </c>
      <c r="H12" s="38">
        <v>642</v>
      </c>
      <c r="I12" s="38">
        <f t="shared" si="0"/>
        <v>0</v>
      </c>
      <c r="J12" s="39"/>
      <c r="K12" s="40"/>
      <c r="L12" s="24"/>
      <c r="M12" s="24"/>
      <c r="N12" s="24"/>
      <c r="O12" s="24"/>
      <c r="P12" s="24"/>
      <c r="T12" s="41"/>
    </row>
    <row r="13" spans="1:20" ht="27.75" customHeight="1">
      <c r="A13" s="36">
        <v>6</v>
      </c>
      <c r="B13" s="42"/>
      <c r="C13" s="80" t="s">
        <v>18</v>
      </c>
      <c r="D13" s="84"/>
      <c r="E13" s="81"/>
      <c r="F13" s="37"/>
      <c r="G13" s="38">
        <v>642</v>
      </c>
      <c r="H13" s="38">
        <v>642</v>
      </c>
      <c r="I13" s="38">
        <f t="shared" si="0"/>
        <v>0</v>
      </c>
      <c r="J13" s="39"/>
      <c r="K13" s="43"/>
      <c r="L13" s="24"/>
      <c r="M13" s="24"/>
      <c r="N13" s="24"/>
      <c r="O13" s="24"/>
      <c r="P13" s="24"/>
      <c r="T13" s="41"/>
    </row>
    <row r="14" spans="1:20" ht="27.75" customHeight="1">
      <c r="A14" s="36">
        <v>7</v>
      </c>
      <c r="B14" s="44"/>
      <c r="C14" s="45"/>
      <c r="D14" s="80" t="s">
        <v>19</v>
      </c>
      <c r="E14" s="81"/>
      <c r="F14" s="46"/>
      <c r="G14" s="38">
        <v>642</v>
      </c>
      <c r="H14" s="38">
        <v>642</v>
      </c>
      <c r="I14" s="38">
        <f t="shared" si="0"/>
        <v>0</v>
      </c>
      <c r="J14" s="39"/>
      <c r="K14" s="43"/>
      <c r="L14" s="24"/>
      <c r="M14" s="24"/>
      <c r="N14" s="24"/>
      <c r="O14" s="24"/>
      <c r="P14" s="24"/>
      <c r="T14" s="41"/>
    </row>
    <row r="15" spans="1:20" ht="27.75" customHeight="1">
      <c r="A15" s="36">
        <v>8</v>
      </c>
      <c r="B15" s="44"/>
      <c r="C15" s="44"/>
      <c r="D15" s="45"/>
      <c r="E15" s="47" t="s">
        <v>20</v>
      </c>
      <c r="F15" s="46" t="s">
        <v>21</v>
      </c>
      <c r="G15" s="38">
        <v>642</v>
      </c>
      <c r="H15" s="38">
        <v>642</v>
      </c>
      <c r="I15" s="38">
        <f t="shared" si="0"/>
        <v>0</v>
      </c>
      <c r="J15" s="39"/>
      <c r="K15" s="43"/>
      <c r="L15" s="24"/>
      <c r="M15" s="24"/>
      <c r="N15" s="24"/>
      <c r="O15" s="24"/>
      <c r="P15" s="24"/>
      <c r="T15" s="41"/>
    </row>
    <row r="16" spans="1:20" ht="27.75" customHeight="1">
      <c r="A16" s="36">
        <v>9</v>
      </c>
      <c r="B16" s="80" t="s">
        <v>22</v>
      </c>
      <c r="C16" s="84"/>
      <c r="D16" s="84"/>
      <c r="E16" s="81"/>
      <c r="F16" s="37"/>
      <c r="G16" s="38">
        <v>1352</v>
      </c>
      <c r="H16" s="38">
        <v>779</v>
      </c>
      <c r="I16" s="38">
        <f>+H16-G16</f>
        <v>-573</v>
      </c>
      <c r="J16" s="39"/>
      <c r="K16" s="40"/>
      <c r="L16" s="24"/>
      <c r="M16" s="24"/>
      <c r="N16" s="24"/>
      <c r="O16" s="24"/>
      <c r="P16" s="24"/>
      <c r="T16" s="41"/>
    </row>
    <row r="17" spans="1:20" ht="27.75" customHeight="1">
      <c r="A17" s="36">
        <v>10</v>
      </c>
      <c r="B17" s="44"/>
      <c r="C17" s="80" t="s">
        <v>23</v>
      </c>
      <c r="D17" s="84"/>
      <c r="E17" s="81"/>
      <c r="F17" s="37"/>
      <c r="G17" s="38">
        <v>1352</v>
      </c>
      <c r="H17" s="38">
        <v>779</v>
      </c>
      <c r="I17" s="38">
        <f t="shared" si="0"/>
        <v>-573</v>
      </c>
      <c r="J17" s="39"/>
      <c r="K17" s="43"/>
      <c r="L17" s="24"/>
      <c r="M17" s="24"/>
      <c r="N17" s="24"/>
      <c r="O17" s="24"/>
      <c r="P17" s="24"/>
      <c r="T17" s="41"/>
    </row>
    <row r="18" spans="1:20" ht="27.75" customHeight="1">
      <c r="A18" s="36">
        <v>11</v>
      </c>
      <c r="B18" s="44"/>
      <c r="C18" s="44"/>
      <c r="D18" s="80" t="s">
        <v>24</v>
      </c>
      <c r="E18" s="81"/>
      <c r="F18" s="46"/>
      <c r="G18" s="38">
        <v>1352</v>
      </c>
      <c r="H18" s="38">
        <v>779</v>
      </c>
      <c r="I18" s="38">
        <f t="shared" si="0"/>
        <v>-573</v>
      </c>
      <c r="J18" s="39"/>
      <c r="K18" s="43"/>
      <c r="L18" s="24"/>
      <c r="M18" s="24"/>
      <c r="N18" s="24"/>
      <c r="O18" s="24"/>
      <c r="P18" s="24"/>
      <c r="T18" s="41"/>
    </row>
    <row r="19" spans="1:20" ht="27.75" customHeight="1">
      <c r="A19" s="36">
        <v>12</v>
      </c>
      <c r="B19" s="44"/>
      <c r="C19" s="44"/>
      <c r="D19" s="44"/>
      <c r="E19" s="52" t="s">
        <v>25</v>
      </c>
      <c r="F19" s="47" t="s">
        <v>26</v>
      </c>
      <c r="G19" s="38">
        <v>1352</v>
      </c>
      <c r="H19" s="38">
        <v>779</v>
      </c>
      <c r="I19" s="38">
        <f t="shared" si="0"/>
        <v>-573</v>
      </c>
      <c r="J19" s="39"/>
      <c r="K19" s="43"/>
      <c r="L19" s="24"/>
      <c r="M19" s="24"/>
      <c r="N19" s="24"/>
      <c r="O19" s="24"/>
      <c r="P19" s="24"/>
      <c r="T19" s="41"/>
    </row>
    <row r="20" spans="1:20" ht="27.75" customHeight="1">
      <c r="A20" s="36">
        <v>13</v>
      </c>
      <c r="B20" s="85" t="s">
        <v>27</v>
      </c>
      <c r="C20" s="86"/>
      <c r="D20" s="86"/>
      <c r="E20" s="87"/>
      <c r="F20" s="74"/>
      <c r="G20" s="75">
        <v>5602</v>
      </c>
      <c r="H20" s="75">
        <v>5204</v>
      </c>
      <c r="I20" s="75">
        <f t="shared" si="0"/>
        <v>-398</v>
      </c>
      <c r="J20" s="76"/>
      <c r="K20" s="77"/>
      <c r="L20" s="24"/>
      <c r="M20" s="24"/>
      <c r="N20" s="24"/>
      <c r="O20" s="24"/>
      <c r="P20" s="24"/>
      <c r="T20" s="41"/>
    </row>
    <row r="21" spans="1:20" ht="27.75" customHeight="1">
      <c r="A21" s="36">
        <v>14</v>
      </c>
      <c r="B21" s="45"/>
      <c r="C21" s="80" t="s">
        <v>28</v>
      </c>
      <c r="D21" s="84"/>
      <c r="E21" s="81"/>
      <c r="F21" s="37"/>
      <c r="G21" s="38">
        <v>5602</v>
      </c>
      <c r="H21" s="38">
        <v>5204</v>
      </c>
      <c r="I21" s="38">
        <f t="shared" si="0"/>
        <v>-398</v>
      </c>
      <c r="J21" s="39"/>
      <c r="K21" s="43"/>
      <c r="L21" s="24"/>
      <c r="M21" s="24"/>
      <c r="N21" s="24"/>
      <c r="O21" s="24"/>
      <c r="P21" s="24"/>
      <c r="T21" s="41"/>
    </row>
    <row r="22" spans="1:20" ht="27.75" customHeight="1">
      <c r="A22" s="36">
        <v>15</v>
      </c>
      <c r="B22" s="78"/>
      <c r="C22" s="78"/>
      <c r="D22" s="88" t="s">
        <v>29</v>
      </c>
      <c r="E22" s="89"/>
      <c r="F22" s="48"/>
      <c r="G22" s="49">
        <v>3</v>
      </c>
      <c r="H22" s="49">
        <v>3</v>
      </c>
      <c r="I22" s="49">
        <f t="shared" si="0"/>
        <v>0</v>
      </c>
      <c r="J22" s="50"/>
      <c r="K22" s="51"/>
      <c r="L22" s="24"/>
      <c r="M22" s="24"/>
      <c r="N22" s="24"/>
      <c r="O22" s="24"/>
      <c r="P22" s="24"/>
      <c r="T22" s="41"/>
    </row>
    <row r="23" spans="1:20" ht="27.75" customHeight="1">
      <c r="A23" s="36">
        <v>16</v>
      </c>
      <c r="B23" s="44"/>
      <c r="C23" s="44"/>
      <c r="D23" s="44"/>
      <c r="E23" s="52" t="s">
        <v>30</v>
      </c>
      <c r="F23" s="48"/>
      <c r="G23" s="49">
        <v>3</v>
      </c>
      <c r="H23" s="49">
        <v>3</v>
      </c>
      <c r="I23" s="49">
        <f t="shared" si="0"/>
        <v>0</v>
      </c>
      <c r="J23" s="50"/>
      <c r="K23" s="51"/>
      <c r="L23" s="24"/>
      <c r="M23" s="24"/>
      <c r="N23" s="24"/>
      <c r="O23" s="24"/>
      <c r="P23" s="24"/>
      <c r="T23" s="41"/>
    </row>
    <row r="24" spans="1:20" ht="27.75" customHeight="1">
      <c r="A24" s="36">
        <v>17</v>
      </c>
      <c r="B24" s="44"/>
      <c r="C24" s="44"/>
      <c r="D24" s="44"/>
      <c r="E24" s="53"/>
      <c r="F24" s="47" t="s">
        <v>31</v>
      </c>
      <c r="G24" s="38">
        <v>3</v>
      </c>
      <c r="H24" s="38">
        <v>3</v>
      </c>
      <c r="I24" s="38">
        <f t="shared" si="0"/>
        <v>0</v>
      </c>
      <c r="J24" s="39"/>
      <c r="K24" s="43"/>
      <c r="L24" s="24"/>
      <c r="M24" s="24"/>
      <c r="N24" s="24"/>
      <c r="O24" s="24"/>
      <c r="P24" s="24"/>
      <c r="T24" s="41"/>
    </row>
    <row r="25" spans="1:20" ht="27.75" customHeight="1">
      <c r="A25" s="36">
        <v>18</v>
      </c>
      <c r="B25" s="44"/>
      <c r="C25" s="44"/>
      <c r="D25" s="80" t="s">
        <v>32</v>
      </c>
      <c r="E25" s="81"/>
      <c r="F25" s="46"/>
      <c r="G25" s="38">
        <v>5599</v>
      </c>
      <c r="H25" s="38">
        <v>5201</v>
      </c>
      <c r="I25" s="38">
        <f t="shared" si="0"/>
        <v>-398</v>
      </c>
      <c r="J25" s="39"/>
      <c r="K25" s="43"/>
      <c r="L25" s="24"/>
      <c r="M25" s="24"/>
      <c r="N25" s="24"/>
      <c r="O25" s="24"/>
      <c r="P25" s="24"/>
      <c r="T25" s="41"/>
    </row>
    <row r="26" spans="1:20" ht="27.75" customHeight="1">
      <c r="A26" s="36">
        <v>19</v>
      </c>
      <c r="B26" s="44"/>
      <c r="C26" s="44"/>
      <c r="D26" s="45"/>
      <c r="E26" s="53" t="s">
        <v>33</v>
      </c>
      <c r="F26" s="46"/>
      <c r="G26" s="38">
        <v>5599</v>
      </c>
      <c r="H26" s="38">
        <v>5201</v>
      </c>
      <c r="I26" s="38">
        <f t="shared" si="0"/>
        <v>-398</v>
      </c>
      <c r="J26" s="39"/>
      <c r="K26" s="43"/>
      <c r="L26" s="24"/>
      <c r="M26" s="24"/>
      <c r="N26" s="24"/>
      <c r="O26" s="24"/>
      <c r="P26" s="24"/>
      <c r="T26" s="41"/>
    </row>
    <row r="27" spans="1:20" ht="27.75" customHeight="1">
      <c r="A27" s="36">
        <v>20</v>
      </c>
      <c r="B27" s="44"/>
      <c r="C27" s="44"/>
      <c r="D27" s="44"/>
      <c r="E27" s="53"/>
      <c r="F27" s="46" t="s">
        <v>34</v>
      </c>
      <c r="G27" s="38">
        <v>5599</v>
      </c>
      <c r="H27" s="38">
        <v>5201</v>
      </c>
      <c r="I27" s="38">
        <f t="shared" si="0"/>
        <v>-398</v>
      </c>
      <c r="J27" s="39"/>
      <c r="K27" s="43"/>
      <c r="L27" s="24"/>
      <c r="M27" s="24"/>
      <c r="N27" s="24"/>
      <c r="O27" s="24"/>
      <c r="P27" s="24"/>
      <c r="T27" s="41"/>
    </row>
    <row r="28" spans="1:20" ht="27.75" customHeight="1" thickBot="1">
      <c r="A28" s="82" t="s">
        <v>35</v>
      </c>
      <c r="B28" s="83"/>
      <c r="C28" s="83"/>
      <c r="D28" s="83"/>
      <c r="E28" s="83"/>
      <c r="F28" s="56"/>
      <c r="G28" s="54">
        <v>16364</v>
      </c>
      <c r="H28" s="54">
        <v>14522</v>
      </c>
      <c r="I28" s="57">
        <f t="shared" si="0"/>
        <v>-1842</v>
      </c>
      <c r="J28" s="55"/>
      <c r="K28" s="58"/>
      <c r="L28" s="24"/>
      <c r="M28" s="24"/>
      <c r="N28" s="24"/>
      <c r="O28" s="24"/>
      <c r="P28" s="24"/>
      <c r="T28" s="41"/>
    </row>
    <row r="29" spans="1:20" ht="8.25" customHeight="1">
      <c r="A29" s="59"/>
      <c r="B29" s="59"/>
      <c r="C29" s="59"/>
      <c r="D29" s="59"/>
      <c r="E29" s="59"/>
      <c r="F29" s="60"/>
      <c r="G29" s="61"/>
      <c r="H29" s="61"/>
      <c r="I29" s="61"/>
      <c r="J29" s="62"/>
      <c r="K29" s="63"/>
      <c r="L29" s="24"/>
      <c r="M29" s="24"/>
      <c r="N29" s="24"/>
      <c r="O29" s="24"/>
      <c r="P29" s="24"/>
      <c r="T29" s="41"/>
    </row>
    <row r="30" spans="1:20" s="69" customFormat="1" ht="21.75" customHeight="1">
      <c r="A30" s="64"/>
      <c r="B30" s="65"/>
      <c r="C30" s="66"/>
      <c r="D30" s="66"/>
      <c r="E30" s="66"/>
      <c r="F30" s="66"/>
      <c r="G30" s="66"/>
      <c r="H30" s="66"/>
      <c r="I30" s="66"/>
      <c r="J30" s="67"/>
      <c r="K30" s="68"/>
      <c r="L30" s="24"/>
      <c r="M30" s="24"/>
      <c r="N30" s="24"/>
      <c r="O30" s="24"/>
      <c r="P30" s="24"/>
      <c r="T30" s="41"/>
    </row>
    <row r="31" spans="1:20" s="5" customFormat="1" ht="18" customHeight="1">
      <c r="A31" s="20"/>
      <c r="B31" s="2"/>
      <c r="C31" s="2"/>
      <c r="D31" s="2"/>
      <c r="E31" s="2"/>
      <c r="F31" s="70"/>
      <c r="G31" s="72"/>
      <c r="H31" s="72"/>
      <c r="I31" s="73"/>
      <c r="J31" s="14"/>
      <c r="K31" s="15"/>
      <c r="L31" s="7"/>
      <c r="M31" s="7"/>
      <c r="N31" s="7"/>
      <c r="O31" s="7"/>
      <c r="P31" s="7"/>
      <c r="T31" s="71"/>
    </row>
    <row r="32" spans="1:20" s="5" customFormat="1" ht="18" customHeight="1">
      <c r="A32" s="20"/>
      <c r="B32" s="2"/>
      <c r="C32" s="2"/>
      <c r="D32" s="2"/>
      <c r="E32" s="2"/>
      <c r="F32" s="70"/>
      <c r="G32" s="72"/>
      <c r="H32" s="72"/>
      <c r="I32" s="73"/>
      <c r="J32" s="14"/>
      <c r="K32" s="15"/>
      <c r="L32" s="7"/>
      <c r="M32" s="7"/>
      <c r="N32" s="7"/>
      <c r="O32" s="7"/>
      <c r="P32" s="7"/>
      <c r="T32" s="71"/>
    </row>
    <row r="33" spans="1:20" s="5" customFormat="1" ht="18" customHeight="1">
      <c r="A33" s="20"/>
      <c r="B33" s="2"/>
      <c r="C33" s="2"/>
      <c r="D33" s="2"/>
      <c r="E33" s="2"/>
      <c r="F33" s="70"/>
      <c r="G33" s="72"/>
      <c r="H33" s="72"/>
      <c r="I33" s="73"/>
      <c r="J33" s="14"/>
      <c r="K33" s="15"/>
      <c r="L33" s="7"/>
      <c r="M33" s="7"/>
      <c r="N33" s="7"/>
      <c r="O33" s="7"/>
      <c r="P33" s="7"/>
      <c r="T33" s="71"/>
    </row>
    <row r="34" spans="1:20" s="5" customFormat="1" ht="18" customHeight="1">
      <c r="A34" s="20"/>
      <c r="B34" s="2"/>
      <c r="C34" s="2"/>
      <c r="D34" s="2"/>
      <c r="E34" s="2"/>
      <c r="F34" s="70"/>
      <c r="G34" s="72"/>
      <c r="H34" s="72"/>
      <c r="I34" s="73"/>
      <c r="J34" s="14"/>
      <c r="K34" s="15"/>
      <c r="L34" s="7"/>
      <c r="M34" s="7"/>
      <c r="N34" s="7"/>
      <c r="O34" s="7"/>
      <c r="P34" s="7"/>
      <c r="T34" s="71"/>
    </row>
    <row r="35" spans="1:20" s="5" customFormat="1" ht="18" customHeight="1">
      <c r="A35" s="20"/>
      <c r="B35" s="2"/>
      <c r="C35" s="2"/>
      <c r="D35" s="2"/>
      <c r="E35" s="2"/>
      <c r="F35" s="70"/>
      <c r="G35" s="72"/>
      <c r="H35" s="72"/>
      <c r="I35" s="73"/>
      <c r="J35" s="14"/>
      <c r="K35" s="15"/>
      <c r="L35" s="7"/>
      <c r="M35" s="7"/>
      <c r="N35" s="7"/>
      <c r="O35" s="7"/>
      <c r="P35" s="7"/>
      <c r="T35" s="71"/>
    </row>
    <row r="36" spans="1:20" s="5" customFormat="1" ht="18.75" customHeight="1">
      <c r="A36" s="20"/>
      <c r="B36" s="2"/>
      <c r="C36" s="2"/>
      <c r="D36" s="2"/>
      <c r="E36" s="2"/>
      <c r="F36" s="70"/>
      <c r="G36" s="72"/>
      <c r="H36" s="72"/>
      <c r="I36" s="73"/>
      <c r="J36" s="14"/>
      <c r="K36" s="15"/>
      <c r="L36" s="7"/>
      <c r="M36" s="7"/>
      <c r="N36" s="7"/>
      <c r="O36" s="7"/>
      <c r="P36" s="7"/>
      <c r="T36" s="71"/>
    </row>
    <row r="37" spans="1:20" s="5" customFormat="1" ht="18.75" customHeight="1">
      <c r="A37" s="20"/>
      <c r="B37" s="2"/>
      <c r="C37" s="2"/>
      <c r="D37" s="2"/>
      <c r="E37" s="2"/>
      <c r="F37" s="70"/>
      <c r="G37" s="72"/>
      <c r="H37" s="72"/>
      <c r="I37" s="73"/>
      <c r="J37" s="14"/>
      <c r="K37" s="15"/>
      <c r="L37" s="7"/>
      <c r="M37" s="7"/>
      <c r="N37" s="7"/>
      <c r="O37" s="7"/>
      <c r="P37" s="7"/>
      <c r="T37" s="71"/>
    </row>
    <row r="38" spans="1:20" ht="18" customHeight="1">
      <c r="F38" s="70"/>
      <c r="G38" s="72"/>
      <c r="H38" s="72"/>
      <c r="I38" s="73"/>
    </row>
  </sheetData>
  <mergeCells count="19">
    <mergeCell ref="D14:E14"/>
    <mergeCell ref="J1:K1"/>
    <mergeCell ref="G4:H4"/>
    <mergeCell ref="B6:E7"/>
    <mergeCell ref="F6:F7"/>
    <mergeCell ref="J6:K7"/>
    <mergeCell ref="B8:E8"/>
    <mergeCell ref="C9:E9"/>
    <mergeCell ref="D10:E10"/>
    <mergeCell ref="B12:E12"/>
    <mergeCell ref="C13:E13"/>
    <mergeCell ref="D25:E25"/>
    <mergeCell ref="A28:E28"/>
    <mergeCell ref="B16:E16"/>
    <mergeCell ref="C17:E17"/>
    <mergeCell ref="D18:E18"/>
    <mergeCell ref="B20:E20"/>
    <mergeCell ref="C21:E21"/>
    <mergeCell ref="D22:E22"/>
  </mergeCells>
  <phoneticPr fontId="3"/>
  <conditionalFormatting sqref="G27:H28 G8:H24">
    <cfRule type="expression" dxfId="16" priority="8">
      <formula>G8=""</formula>
    </cfRule>
  </conditionalFormatting>
  <conditionalFormatting sqref="H25">
    <cfRule type="expression" dxfId="15" priority="7">
      <formula>H25=""</formula>
    </cfRule>
  </conditionalFormatting>
  <conditionalFormatting sqref="H26">
    <cfRule type="expression" dxfId="14" priority="6">
      <formula>H26=""</formula>
    </cfRule>
  </conditionalFormatting>
  <conditionalFormatting sqref="G25">
    <cfRule type="expression" dxfId="13" priority="3">
      <formula>G25=""</formula>
    </cfRule>
  </conditionalFormatting>
  <conditionalFormatting sqref="G26">
    <cfRule type="expression" dxfId="12" priority="2">
      <formula>G26=""</formula>
    </cfRule>
  </conditionalFormatting>
  <conditionalFormatting sqref="E11">
    <cfRule type="expression" dxfId="11" priority="53">
      <formula>#REF!="○"</formula>
    </cfRule>
  </conditionalFormatting>
  <conditionalFormatting sqref="E16">
    <cfRule type="expression" dxfId="10" priority="55">
      <formula>#REF!="○"</formula>
    </cfRule>
  </conditionalFormatting>
  <conditionalFormatting sqref="E17">
    <cfRule type="expression" dxfId="9" priority="56">
      <formula>#REF!="○"</formula>
    </cfRule>
  </conditionalFormatting>
  <conditionalFormatting sqref="E20">
    <cfRule type="expression" dxfId="8" priority="57">
      <formula>#REF!="○"</formula>
    </cfRule>
  </conditionalFormatting>
  <conditionalFormatting sqref="E24">
    <cfRule type="expression" dxfId="7" priority="58">
      <formula>#REF!="○"</formula>
    </cfRule>
  </conditionalFormatting>
  <conditionalFormatting sqref="E21">
    <cfRule type="expression" dxfId="6" priority="59">
      <formula>#REF!="○"</formula>
    </cfRule>
  </conditionalFormatting>
  <conditionalFormatting sqref="E27">
    <cfRule type="expression" dxfId="5" priority="60">
      <formula>#REF!="○"</formula>
    </cfRule>
  </conditionalFormatting>
  <conditionalFormatting sqref="E25:E26">
    <cfRule type="expression" dxfId="4" priority="61">
      <formula>#REF!="○"</formula>
    </cfRule>
  </conditionalFormatting>
  <conditionalFormatting sqref="E22:E23">
    <cfRule type="expression" dxfId="3" priority="62">
      <formula>#REF!="○"</formula>
    </cfRule>
  </conditionalFormatting>
  <conditionalFormatting sqref="E18:E19">
    <cfRule type="expression" dxfId="2" priority="63">
      <formula>#REF!="○"</formula>
    </cfRule>
  </conditionalFormatting>
  <conditionalFormatting sqref="E12:E15">
    <cfRule type="expression" dxfId="1" priority="64">
      <formula>#REF!="○"</formula>
    </cfRule>
  </conditionalFormatting>
  <conditionalFormatting sqref="E8:E10">
    <cfRule type="expression" dxfId="0" priority="65">
      <formula>#REF!="○"</formula>
    </cfRule>
  </conditionalFormatting>
  <printOptions horizontalCentered="1"/>
  <pageMargins left="0.70866141732283472" right="0.70866141732283472" top="0.78740157480314965" bottom="0.59055118110236227" header="0.31496062992125984" footer="0.31496062992125984"/>
  <pageSetup paperSize="9" scale="75" orientation="portrait" blackAndWhite="1" copies="2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様式５ </vt:lpstr>
      <vt:lpstr>'様式５ '!Print_Area</vt:lpstr>
      <vt:lpstr>'様式５ 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2-02-15T01:02:35Z</dcterms:created>
  <dcterms:modified xsi:type="dcterms:W3CDTF">2022-04-05T03:13:39Z</dcterms:modified>
</cp:coreProperties>
</file>